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1\HP2511\"/>
    </mc:Choice>
  </mc:AlternateContent>
  <xr:revisionPtr revIDLastSave="0" documentId="8_{8EEE53DC-A4E3-417C-AA81-97113F86C0FB}" xr6:coauthVersionLast="47" xr6:coauthVersionMax="47" xr10:uidLastSave="{00000000-0000-0000-0000-000000000000}"/>
  <bookViews>
    <workbookView xWindow="-120" yWindow="-120" windowWidth="29040" windowHeight="15720" xr2:uid="{CC86CCB7-B18F-4C92-B428-58FE9D1A3CB7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4"/>
  </si>
  <si>
    <t>令和7年11月末</t>
  </si>
  <si>
    <t>日本人</t>
    <rPh sb="0" eb="3">
      <t>ニホンジン</t>
    </rPh>
    <phoneticPr fontId="4"/>
  </si>
  <si>
    <t>外国人</t>
    <rPh sb="0" eb="2">
      <t>ガイコク</t>
    </rPh>
    <rPh sb="2" eb="3">
      <t>ジン</t>
    </rPh>
    <phoneticPr fontId="4"/>
  </si>
  <si>
    <t>合計</t>
    <rPh sb="0" eb="2">
      <t>ゴウケイ</t>
    </rPh>
    <phoneticPr fontId="4"/>
  </si>
  <si>
    <t>年齢</t>
    <rPh sb="0" eb="2">
      <t>ネンレ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《0～4》</t>
  </si>
  <si>
    <t>《5～9》</t>
  </si>
  <si>
    <t>《10～14》</t>
  </si>
  <si>
    <t>【0～14】</t>
  </si>
  <si>
    <t>《15～19》</t>
  </si>
  <si>
    <t>《20～24》</t>
  </si>
  <si>
    <t>《25～29》</t>
  </si>
  <si>
    <t>《30～34》</t>
  </si>
  <si>
    <t>《35～39》</t>
  </si>
  <si>
    <t>《40～44》</t>
  </si>
  <si>
    <t>《45～49》</t>
  </si>
  <si>
    <t>《50～54》</t>
  </si>
  <si>
    <t>《55～59》</t>
  </si>
  <si>
    <t>《60～64》</t>
  </si>
  <si>
    <t>【15～64】</t>
  </si>
  <si>
    <t>《65～69》</t>
  </si>
  <si>
    <t>《70～74》</t>
  </si>
  <si>
    <t>《75～79》</t>
  </si>
  <si>
    <t>《80～84》</t>
  </si>
  <si>
    <t>《85～89》</t>
  </si>
  <si>
    <t>《90～94》</t>
  </si>
  <si>
    <t>《95～99》</t>
  </si>
  <si>
    <t>101～</t>
  </si>
  <si>
    <t>《100～》</t>
  </si>
  <si>
    <t>【65～】</t>
  </si>
  <si>
    <t>【合計】</t>
    <rPh sb="1" eb="3">
      <t>ゴウ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明朝"/>
      <family val="1"/>
    </font>
    <font>
      <sz val="11"/>
      <name val="ＭＳ 明朝"/>
      <family val="1"/>
    </font>
    <font>
      <sz val="14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  <font>
      <sz val="12"/>
      <name val="ＭＳ 明朝"/>
      <family val="1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3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38" fontId="0" fillId="0" borderId="11" xfId="1" applyFont="1" applyBorder="1" applyAlignment="1">
      <alignment horizontal="distributed" vertical="center"/>
    </xf>
    <xf numFmtId="38" fontId="0" fillId="0" borderId="8" xfId="1" applyFont="1" applyBorder="1" applyAlignment="1">
      <alignment vertical="center"/>
    </xf>
    <xf numFmtId="38" fontId="0" fillId="0" borderId="9" xfId="1" applyFont="1" applyBorder="1" applyAlignment="1">
      <alignment vertical="center"/>
    </xf>
    <xf numFmtId="38" fontId="0" fillId="0" borderId="10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38" fontId="0" fillId="0" borderId="13" xfId="1" applyFont="1" applyBorder="1" applyAlignment="1">
      <alignment horizontal="distributed" vertical="center"/>
    </xf>
    <xf numFmtId="38" fontId="0" fillId="0" borderId="14" xfId="1" applyFont="1" applyBorder="1" applyAlignment="1">
      <alignment vertical="center"/>
    </xf>
    <xf numFmtId="38" fontId="0" fillId="0" borderId="15" xfId="1" applyFont="1" applyBorder="1" applyAlignment="1">
      <alignment vertical="center"/>
    </xf>
    <xf numFmtId="38" fontId="0" fillId="0" borderId="16" xfId="1" applyFont="1" applyBorder="1" applyAlignment="1">
      <alignment vertical="center"/>
    </xf>
    <xf numFmtId="38" fontId="0" fillId="0" borderId="17" xfId="1" applyFont="1" applyBorder="1" applyAlignment="1">
      <alignment vertical="center"/>
    </xf>
    <xf numFmtId="38" fontId="0" fillId="0" borderId="13" xfId="1" applyFont="1" applyBorder="1" applyAlignment="1">
      <alignment horizontal="center" vertical="center"/>
    </xf>
    <xf numFmtId="38" fontId="0" fillId="0" borderId="18" xfId="1" applyFont="1" applyBorder="1" applyAlignment="1">
      <alignment horizontal="distributed" vertical="center"/>
    </xf>
    <xf numFmtId="38" fontId="0" fillId="0" borderId="19" xfId="1" applyFont="1" applyBorder="1" applyAlignment="1">
      <alignment vertical="center"/>
    </xf>
    <xf numFmtId="38" fontId="0" fillId="0" borderId="20" xfId="1" applyFont="1" applyBorder="1" applyAlignment="1">
      <alignment vertical="center"/>
    </xf>
    <xf numFmtId="38" fontId="0" fillId="0" borderId="21" xfId="1" applyFont="1" applyBorder="1" applyAlignment="1">
      <alignment vertical="center"/>
    </xf>
    <xf numFmtId="38" fontId="0" fillId="0" borderId="22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EDA8C2-425F-40A6-89D2-6EB5A7AAD21B}">
  <sheetPr codeName="Sheet11">
    <pageSetUpPr fitToPage="1"/>
  </sheetPr>
  <dimension ref="A1:J132"/>
  <sheetViews>
    <sheetView tabSelected="1" workbookViewId="0">
      <pane ySplit="5" topLeftCell="A6" activePane="bottomLeft" state="frozen"/>
      <selection pane="bottomLeft" sqref="A1:J1"/>
    </sheetView>
  </sheetViews>
  <sheetFormatPr defaultRowHeight="13.5" x14ac:dyDescent="0.15"/>
  <cols>
    <col min="1" max="1" width="11" customWidth="1"/>
    <col min="2" max="7" width="9" customWidth="1"/>
  </cols>
  <sheetData>
    <row r="1" spans="1:10" ht="27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15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15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15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15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15">
      <c r="A6" s="17">
        <v>0</v>
      </c>
      <c r="B6" s="18">
        <v>1129</v>
      </c>
      <c r="C6" s="19">
        <v>1072</v>
      </c>
      <c r="D6" s="20">
        <v>2201</v>
      </c>
      <c r="E6" s="21">
        <v>27</v>
      </c>
      <c r="F6" s="19">
        <v>27</v>
      </c>
      <c r="G6" s="20">
        <v>54</v>
      </c>
      <c r="H6" s="21">
        <v>1156</v>
      </c>
      <c r="I6" s="19">
        <v>1099</v>
      </c>
      <c r="J6" s="20">
        <v>2255</v>
      </c>
    </row>
    <row r="7" spans="1:10" ht="18" customHeight="1" x14ac:dyDescent="0.15">
      <c r="A7" s="22">
        <v>1</v>
      </c>
      <c r="B7" s="23">
        <v>1115</v>
      </c>
      <c r="C7" s="24">
        <v>1130</v>
      </c>
      <c r="D7" s="25">
        <v>2245</v>
      </c>
      <c r="E7" s="26">
        <v>29</v>
      </c>
      <c r="F7" s="24">
        <v>33</v>
      </c>
      <c r="G7" s="25">
        <v>62</v>
      </c>
      <c r="H7" s="26">
        <v>1144</v>
      </c>
      <c r="I7" s="24">
        <v>1163</v>
      </c>
      <c r="J7" s="25">
        <v>2307</v>
      </c>
    </row>
    <row r="8" spans="1:10" ht="18" customHeight="1" x14ac:dyDescent="0.15">
      <c r="A8" s="22">
        <v>2</v>
      </c>
      <c r="B8" s="23">
        <v>1233</v>
      </c>
      <c r="C8" s="24">
        <v>1165</v>
      </c>
      <c r="D8" s="25">
        <v>2398</v>
      </c>
      <c r="E8" s="26">
        <v>23</v>
      </c>
      <c r="F8" s="24">
        <v>28</v>
      </c>
      <c r="G8" s="25">
        <v>51</v>
      </c>
      <c r="H8" s="26">
        <v>1256</v>
      </c>
      <c r="I8" s="24">
        <v>1193</v>
      </c>
      <c r="J8" s="25">
        <v>2449</v>
      </c>
    </row>
    <row r="9" spans="1:10" ht="18" customHeight="1" x14ac:dyDescent="0.15">
      <c r="A9" s="22">
        <v>3</v>
      </c>
      <c r="B9" s="23">
        <v>1286</v>
      </c>
      <c r="C9" s="24">
        <v>1253</v>
      </c>
      <c r="D9" s="25">
        <v>2539</v>
      </c>
      <c r="E9" s="26">
        <v>34</v>
      </c>
      <c r="F9" s="24">
        <v>25</v>
      </c>
      <c r="G9" s="25">
        <v>59</v>
      </c>
      <c r="H9" s="26">
        <v>1320</v>
      </c>
      <c r="I9" s="24">
        <v>1278</v>
      </c>
      <c r="J9" s="25">
        <v>2598</v>
      </c>
    </row>
    <row r="10" spans="1:10" ht="18" customHeight="1" x14ac:dyDescent="0.15">
      <c r="A10" s="22">
        <v>4</v>
      </c>
      <c r="B10" s="23">
        <v>1343</v>
      </c>
      <c r="C10" s="24">
        <v>1270</v>
      </c>
      <c r="D10" s="25">
        <v>2613</v>
      </c>
      <c r="E10" s="26">
        <v>23</v>
      </c>
      <c r="F10" s="24">
        <v>20</v>
      </c>
      <c r="G10" s="25">
        <v>43</v>
      </c>
      <c r="H10" s="26">
        <v>1366</v>
      </c>
      <c r="I10" s="24">
        <v>1290</v>
      </c>
      <c r="J10" s="25">
        <v>2656</v>
      </c>
    </row>
    <row r="11" spans="1:10" ht="18" customHeight="1" x14ac:dyDescent="0.15">
      <c r="A11" s="22" t="s">
        <v>9</v>
      </c>
      <c r="B11" s="23">
        <v>6106</v>
      </c>
      <c r="C11" s="24">
        <v>5890</v>
      </c>
      <c r="D11" s="25">
        <v>11996</v>
      </c>
      <c r="E11" s="26">
        <v>136</v>
      </c>
      <c r="F11" s="24">
        <v>133</v>
      </c>
      <c r="G11" s="25">
        <v>269</v>
      </c>
      <c r="H11" s="26">
        <v>6242</v>
      </c>
      <c r="I11" s="24">
        <v>6023</v>
      </c>
      <c r="J11" s="25">
        <v>12265</v>
      </c>
    </row>
    <row r="12" spans="1:10" ht="18" customHeight="1" x14ac:dyDescent="0.15">
      <c r="A12" s="22">
        <v>5</v>
      </c>
      <c r="B12" s="23">
        <v>1392</v>
      </c>
      <c r="C12" s="24">
        <v>1339</v>
      </c>
      <c r="D12" s="25">
        <v>2731</v>
      </c>
      <c r="E12" s="26">
        <v>31</v>
      </c>
      <c r="F12" s="24">
        <v>20</v>
      </c>
      <c r="G12" s="25">
        <v>51</v>
      </c>
      <c r="H12" s="26">
        <v>1423</v>
      </c>
      <c r="I12" s="24">
        <v>1359</v>
      </c>
      <c r="J12" s="25">
        <v>2782</v>
      </c>
    </row>
    <row r="13" spans="1:10" ht="18" customHeight="1" x14ac:dyDescent="0.15">
      <c r="A13" s="22">
        <v>6</v>
      </c>
      <c r="B13" s="23">
        <v>1453</v>
      </c>
      <c r="C13" s="24">
        <v>1399</v>
      </c>
      <c r="D13" s="25">
        <v>2852</v>
      </c>
      <c r="E13" s="26">
        <v>22</v>
      </c>
      <c r="F13" s="24">
        <v>28</v>
      </c>
      <c r="G13" s="25">
        <v>50</v>
      </c>
      <c r="H13" s="26">
        <v>1475</v>
      </c>
      <c r="I13" s="24">
        <v>1427</v>
      </c>
      <c r="J13" s="25">
        <v>2902</v>
      </c>
    </row>
    <row r="14" spans="1:10" ht="18" customHeight="1" x14ac:dyDescent="0.15">
      <c r="A14" s="22">
        <v>7</v>
      </c>
      <c r="B14" s="23">
        <v>1500</v>
      </c>
      <c r="C14" s="24">
        <v>1446</v>
      </c>
      <c r="D14" s="25">
        <v>2946</v>
      </c>
      <c r="E14" s="26">
        <v>21</v>
      </c>
      <c r="F14" s="24">
        <v>28</v>
      </c>
      <c r="G14" s="25">
        <v>49</v>
      </c>
      <c r="H14" s="26">
        <v>1521</v>
      </c>
      <c r="I14" s="24">
        <v>1474</v>
      </c>
      <c r="J14" s="25">
        <v>2995</v>
      </c>
    </row>
    <row r="15" spans="1:10" ht="18" customHeight="1" x14ac:dyDescent="0.15">
      <c r="A15" s="22">
        <v>8</v>
      </c>
      <c r="B15" s="23">
        <v>1554</v>
      </c>
      <c r="C15" s="24">
        <v>1468</v>
      </c>
      <c r="D15" s="25">
        <v>3022</v>
      </c>
      <c r="E15" s="26">
        <v>20</v>
      </c>
      <c r="F15" s="24">
        <v>30</v>
      </c>
      <c r="G15" s="25">
        <v>50</v>
      </c>
      <c r="H15" s="26">
        <v>1574</v>
      </c>
      <c r="I15" s="24">
        <v>1498</v>
      </c>
      <c r="J15" s="25">
        <v>3072</v>
      </c>
    </row>
    <row r="16" spans="1:10" ht="18" customHeight="1" x14ac:dyDescent="0.15">
      <c r="A16" s="22">
        <v>9</v>
      </c>
      <c r="B16" s="23">
        <v>1610</v>
      </c>
      <c r="C16" s="24">
        <v>1551</v>
      </c>
      <c r="D16" s="25">
        <v>3161</v>
      </c>
      <c r="E16" s="26">
        <v>32</v>
      </c>
      <c r="F16" s="24">
        <v>31</v>
      </c>
      <c r="G16" s="25">
        <v>63</v>
      </c>
      <c r="H16" s="26">
        <v>1642</v>
      </c>
      <c r="I16" s="24">
        <v>1582</v>
      </c>
      <c r="J16" s="25">
        <v>3224</v>
      </c>
    </row>
    <row r="17" spans="1:10" ht="18" customHeight="1" x14ac:dyDescent="0.15">
      <c r="A17" s="22" t="s">
        <v>10</v>
      </c>
      <c r="B17" s="23">
        <v>7509</v>
      </c>
      <c r="C17" s="24">
        <v>7203</v>
      </c>
      <c r="D17" s="25">
        <v>14712</v>
      </c>
      <c r="E17" s="26">
        <v>126</v>
      </c>
      <c r="F17" s="24">
        <v>137</v>
      </c>
      <c r="G17" s="25">
        <v>263</v>
      </c>
      <c r="H17" s="26">
        <v>7635</v>
      </c>
      <c r="I17" s="24">
        <v>7340</v>
      </c>
      <c r="J17" s="25">
        <v>14975</v>
      </c>
    </row>
    <row r="18" spans="1:10" ht="18" customHeight="1" x14ac:dyDescent="0.15">
      <c r="A18" s="22">
        <v>10</v>
      </c>
      <c r="B18" s="23">
        <v>1604</v>
      </c>
      <c r="C18" s="24">
        <v>1529</v>
      </c>
      <c r="D18" s="25">
        <v>3133</v>
      </c>
      <c r="E18" s="26">
        <v>22</v>
      </c>
      <c r="F18" s="24">
        <v>27</v>
      </c>
      <c r="G18" s="25">
        <v>49</v>
      </c>
      <c r="H18" s="26">
        <v>1626</v>
      </c>
      <c r="I18" s="24">
        <v>1556</v>
      </c>
      <c r="J18" s="25">
        <v>3182</v>
      </c>
    </row>
    <row r="19" spans="1:10" ht="18" customHeight="1" x14ac:dyDescent="0.15">
      <c r="A19" s="22">
        <v>11</v>
      </c>
      <c r="B19" s="23">
        <v>1598</v>
      </c>
      <c r="C19" s="24">
        <v>1522</v>
      </c>
      <c r="D19" s="25">
        <v>3120</v>
      </c>
      <c r="E19" s="26">
        <v>23</v>
      </c>
      <c r="F19" s="24">
        <v>15</v>
      </c>
      <c r="G19" s="25">
        <v>38</v>
      </c>
      <c r="H19" s="26">
        <v>1621</v>
      </c>
      <c r="I19" s="24">
        <v>1537</v>
      </c>
      <c r="J19" s="25">
        <v>3158</v>
      </c>
    </row>
    <row r="20" spans="1:10" ht="18" customHeight="1" x14ac:dyDescent="0.15">
      <c r="A20" s="22">
        <v>12</v>
      </c>
      <c r="B20" s="23">
        <v>1615</v>
      </c>
      <c r="C20" s="24">
        <v>1593</v>
      </c>
      <c r="D20" s="25">
        <v>3208</v>
      </c>
      <c r="E20" s="26">
        <v>26</v>
      </c>
      <c r="F20" s="24">
        <v>22</v>
      </c>
      <c r="G20" s="25">
        <v>48</v>
      </c>
      <c r="H20" s="26">
        <v>1641</v>
      </c>
      <c r="I20" s="24">
        <v>1615</v>
      </c>
      <c r="J20" s="25">
        <v>3256</v>
      </c>
    </row>
    <row r="21" spans="1:10" ht="18" customHeight="1" x14ac:dyDescent="0.15">
      <c r="A21" s="22">
        <v>13</v>
      </c>
      <c r="B21" s="23">
        <v>1689</v>
      </c>
      <c r="C21" s="24">
        <v>1593</v>
      </c>
      <c r="D21" s="25">
        <v>3282</v>
      </c>
      <c r="E21" s="26">
        <v>29</v>
      </c>
      <c r="F21" s="24">
        <v>21</v>
      </c>
      <c r="G21" s="25">
        <v>50</v>
      </c>
      <c r="H21" s="26">
        <v>1718</v>
      </c>
      <c r="I21" s="24">
        <v>1614</v>
      </c>
      <c r="J21" s="25">
        <v>3332</v>
      </c>
    </row>
    <row r="22" spans="1:10" ht="18" customHeight="1" x14ac:dyDescent="0.15">
      <c r="A22" s="22">
        <v>14</v>
      </c>
      <c r="B22" s="23">
        <v>1704</v>
      </c>
      <c r="C22" s="24">
        <v>1644</v>
      </c>
      <c r="D22" s="25">
        <v>3348</v>
      </c>
      <c r="E22" s="26">
        <v>23</v>
      </c>
      <c r="F22" s="24">
        <v>24</v>
      </c>
      <c r="G22" s="25">
        <v>47</v>
      </c>
      <c r="H22" s="26">
        <v>1727</v>
      </c>
      <c r="I22" s="24">
        <v>1668</v>
      </c>
      <c r="J22" s="25">
        <v>3395</v>
      </c>
    </row>
    <row r="23" spans="1:10" ht="18" customHeight="1" x14ac:dyDescent="0.15">
      <c r="A23" s="22" t="s">
        <v>11</v>
      </c>
      <c r="B23" s="23">
        <v>8210</v>
      </c>
      <c r="C23" s="24">
        <v>7881</v>
      </c>
      <c r="D23" s="25">
        <v>16091</v>
      </c>
      <c r="E23" s="26">
        <v>123</v>
      </c>
      <c r="F23" s="24">
        <v>109</v>
      </c>
      <c r="G23" s="25">
        <v>232</v>
      </c>
      <c r="H23" s="26">
        <v>8333</v>
      </c>
      <c r="I23" s="24">
        <v>7990</v>
      </c>
      <c r="J23" s="25">
        <v>16323</v>
      </c>
    </row>
    <row r="24" spans="1:10" ht="18" customHeight="1" x14ac:dyDescent="0.15">
      <c r="A24" s="22" t="s">
        <v>12</v>
      </c>
      <c r="B24" s="23">
        <v>21825</v>
      </c>
      <c r="C24" s="24">
        <v>20974</v>
      </c>
      <c r="D24" s="25">
        <v>42799</v>
      </c>
      <c r="E24" s="26">
        <v>385</v>
      </c>
      <c r="F24" s="24">
        <v>379</v>
      </c>
      <c r="G24" s="25">
        <v>764</v>
      </c>
      <c r="H24" s="26">
        <v>22210</v>
      </c>
      <c r="I24" s="24">
        <v>21353</v>
      </c>
      <c r="J24" s="25">
        <v>43563</v>
      </c>
    </row>
    <row r="25" spans="1:10" ht="18" customHeight="1" x14ac:dyDescent="0.15">
      <c r="A25" s="22">
        <v>15</v>
      </c>
      <c r="B25" s="23">
        <v>1791</v>
      </c>
      <c r="C25" s="24">
        <v>1619</v>
      </c>
      <c r="D25" s="25">
        <v>3410</v>
      </c>
      <c r="E25" s="26">
        <v>22</v>
      </c>
      <c r="F25" s="24">
        <v>16</v>
      </c>
      <c r="G25" s="25">
        <v>38</v>
      </c>
      <c r="H25" s="26">
        <v>1813</v>
      </c>
      <c r="I25" s="24">
        <v>1635</v>
      </c>
      <c r="J25" s="25">
        <v>3448</v>
      </c>
    </row>
    <row r="26" spans="1:10" ht="18" customHeight="1" x14ac:dyDescent="0.15">
      <c r="A26" s="22">
        <v>16</v>
      </c>
      <c r="B26" s="23">
        <v>1738</v>
      </c>
      <c r="C26" s="24">
        <v>1681</v>
      </c>
      <c r="D26" s="25">
        <v>3419</v>
      </c>
      <c r="E26" s="26">
        <v>17</v>
      </c>
      <c r="F26" s="24">
        <v>20</v>
      </c>
      <c r="G26" s="25">
        <v>37</v>
      </c>
      <c r="H26" s="26">
        <v>1755</v>
      </c>
      <c r="I26" s="24">
        <v>1701</v>
      </c>
      <c r="J26" s="25">
        <v>3456</v>
      </c>
    </row>
    <row r="27" spans="1:10" ht="18" customHeight="1" x14ac:dyDescent="0.15">
      <c r="A27" s="22">
        <v>17</v>
      </c>
      <c r="B27" s="23">
        <v>1801</v>
      </c>
      <c r="C27" s="24">
        <v>1737</v>
      </c>
      <c r="D27" s="25">
        <v>3538</v>
      </c>
      <c r="E27" s="26">
        <v>17</v>
      </c>
      <c r="F27" s="24">
        <v>20</v>
      </c>
      <c r="G27" s="25">
        <v>37</v>
      </c>
      <c r="H27" s="26">
        <v>1818</v>
      </c>
      <c r="I27" s="24">
        <v>1757</v>
      </c>
      <c r="J27" s="25">
        <v>3575</v>
      </c>
    </row>
    <row r="28" spans="1:10" ht="18" customHeight="1" x14ac:dyDescent="0.15">
      <c r="A28" s="22">
        <v>18</v>
      </c>
      <c r="B28" s="23">
        <v>1794</v>
      </c>
      <c r="C28" s="24">
        <v>1715</v>
      </c>
      <c r="D28" s="25">
        <v>3509</v>
      </c>
      <c r="E28" s="26">
        <v>25</v>
      </c>
      <c r="F28" s="24">
        <v>30</v>
      </c>
      <c r="G28" s="25">
        <v>55</v>
      </c>
      <c r="H28" s="26">
        <v>1819</v>
      </c>
      <c r="I28" s="24">
        <v>1745</v>
      </c>
      <c r="J28" s="25">
        <v>3564</v>
      </c>
    </row>
    <row r="29" spans="1:10" ht="18" customHeight="1" x14ac:dyDescent="0.15">
      <c r="A29" s="22">
        <v>19</v>
      </c>
      <c r="B29" s="23">
        <v>1867</v>
      </c>
      <c r="C29" s="24">
        <v>1731</v>
      </c>
      <c r="D29" s="25">
        <v>3598</v>
      </c>
      <c r="E29" s="26">
        <v>100</v>
      </c>
      <c r="F29" s="24">
        <v>86</v>
      </c>
      <c r="G29" s="25">
        <v>186</v>
      </c>
      <c r="H29" s="26">
        <v>1967</v>
      </c>
      <c r="I29" s="24">
        <v>1817</v>
      </c>
      <c r="J29" s="25">
        <v>3784</v>
      </c>
    </row>
    <row r="30" spans="1:10" ht="18" customHeight="1" x14ac:dyDescent="0.15">
      <c r="A30" s="22" t="s">
        <v>13</v>
      </c>
      <c r="B30" s="23">
        <v>8991</v>
      </c>
      <c r="C30" s="24">
        <v>8483</v>
      </c>
      <c r="D30" s="25">
        <v>17474</v>
      </c>
      <c r="E30" s="26">
        <v>181</v>
      </c>
      <c r="F30" s="24">
        <v>172</v>
      </c>
      <c r="G30" s="25">
        <v>353</v>
      </c>
      <c r="H30" s="26">
        <v>9172</v>
      </c>
      <c r="I30" s="24">
        <v>8655</v>
      </c>
      <c r="J30" s="25">
        <v>17827</v>
      </c>
    </row>
    <row r="31" spans="1:10" ht="18" customHeight="1" x14ac:dyDescent="0.15">
      <c r="A31" s="22">
        <v>20</v>
      </c>
      <c r="B31" s="23">
        <v>1797</v>
      </c>
      <c r="C31" s="24">
        <v>1687</v>
      </c>
      <c r="D31" s="25">
        <v>3484</v>
      </c>
      <c r="E31" s="26">
        <v>143</v>
      </c>
      <c r="F31" s="24">
        <v>101</v>
      </c>
      <c r="G31" s="25">
        <v>244</v>
      </c>
      <c r="H31" s="26">
        <v>1940</v>
      </c>
      <c r="I31" s="24">
        <v>1788</v>
      </c>
      <c r="J31" s="25">
        <v>3728</v>
      </c>
    </row>
    <row r="32" spans="1:10" ht="18" customHeight="1" x14ac:dyDescent="0.15">
      <c r="A32" s="22">
        <v>21</v>
      </c>
      <c r="B32" s="23">
        <v>1944</v>
      </c>
      <c r="C32" s="24">
        <v>1805</v>
      </c>
      <c r="D32" s="25">
        <v>3749</v>
      </c>
      <c r="E32" s="26">
        <v>195</v>
      </c>
      <c r="F32" s="24">
        <v>138</v>
      </c>
      <c r="G32" s="25">
        <v>333</v>
      </c>
      <c r="H32" s="26">
        <v>2139</v>
      </c>
      <c r="I32" s="24">
        <v>1943</v>
      </c>
      <c r="J32" s="25">
        <v>4082</v>
      </c>
    </row>
    <row r="33" spans="1:10" ht="18" customHeight="1" x14ac:dyDescent="0.15">
      <c r="A33" s="22">
        <v>22</v>
      </c>
      <c r="B33" s="23">
        <v>1846</v>
      </c>
      <c r="C33" s="24">
        <v>1725</v>
      </c>
      <c r="D33" s="25">
        <v>3571</v>
      </c>
      <c r="E33" s="26">
        <v>215</v>
      </c>
      <c r="F33" s="24">
        <v>125</v>
      </c>
      <c r="G33" s="25">
        <v>340</v>
      </c>
      <c r="H33" s="26">
        <v>2061</v>
      </c>
      <c r="I33" s="24">
        <v>1850</v>
      </c>
      <c r="J33" s="25">
        <v>3911</v>
      </c>
    </row>
    <row r="34" spans="1:10" ht="18" customHeight="1" x14ac:dyDescent="0.15">
      <c r="A34" s="22">
        <v>23</v>
      </c>
      <c r="B34" s="23">
        <v>2012</v>
      </c>
      <c r="C34" s="24">
        <v>1733</v>
      </c>
      <c r="D34" s="25">
        <v>3745</v>
      </c>
      <c r="E34" s="26">
        <v>226</v>
      </c>
      <c r="F34" s="24">
        <v>159</v>
      </c>
      <c r="G34" s="25">
        <v>385</v>
      </c>
      <c r="H34" s="26">
        <v>2238</v>
      </c>
      <c r="I34" s="24">
        <v>1892</v>
      </c>
      <c r="J34" s="25">
        <v>4130</v>
      </c>
    </row>
    <row r="35" spans="1:10" ht="18" customHeight="1" x14ac:dyDescent="0.15">
      <c r="A35" s="22">
        <v>24</v>
      </c>
      <c r="B35" s="23">
        <v>1946</v>
      </c>
      <c r="C35" s="24">
        <v>1687</v>
      </c>
      <c r="D35" s="25">
        <v>3633</v>
      </c>
      <c r="E35" s="26">
        <v>279</v>
      </c>
      <c r="F35" s="24">
        <v>161</v>
      </c>
      <c r="G35" s="25">
        <v>440</v>
      </c>
      <c r="H35" s="26">
        <v>2225</v>
      </c>
      <c r="I35" s="24">
        <v>1848</v>
      </c>
      <c r="J35" s="25">
        <v>4073</v>
      </c>
    </row>
    <row r="36" spans="1:10" ht="18" customHeight="1" x14ac:dyDescent="0.15">
      <c r="A36" s="22" t="s">
        <v>14</v>
      </c>
      <c r="B36" s="23">
        <v>9545</v>
      </c>
      <c r="C36" s="24">
        <v>8637</v>
      </c>
      <c r="D36" s="25">
        <v>18182</v>
      </c>
      <c r="E36" s="26">
        <v>1058</v>
      </c>
      <c r="F36" s="24">
        <v>684</v>
      </c>
      <c r="G36" s="25">
        <v>1742</v>
      </c>
      <c r="H36" s="26">
        <v>10603</v>
      </c>
      <c r="I36" s="24">
        <v>9321</v>
      </c>
      <c r="J36" s="25">
        <v>19924</v>
      </c>
    </row>
    <row r="37" spans="1:10" ht="18" customHeight="1" x14ac:dyDescent="0.15">
      <c r="A37" s="22">
        <v>25</v>
      </c>
      <c r="B37" s="23">
        <v>2039</v>
      </c>
      <c r="C37" s="24">
        <v>1705</v>
      </c>
      <c r="D37" s="25">
        <v>3744</v>
      </c>
      <c r="E37" s="26">
        <v>251</v>
      </c>
      <c r="F37" s="24">
        <v>179</v>
      </c>
      <c r="G37" s="25">
        <v>430</v>
      </c>
      <c r="H37" s="26">
        <v>2290</v>
      </c>
      <c r="I37" s="24">
        <v>1884</v>
      </c>
      <c r="J37" s="25">
        <v>4174</v>
      </c>
    </row>
    <row r="38" spans="1:10" ht="18" customHeight="1" x14ac:dyDescent="0.15">
      <c r="A38" s="22">
        <v>26</v>
      </c>
      <c r="B38" s="23">
        <v>1887</v>
      </c>
      <c r="C38" s="24">
        <v>1785</v>
      </c>
      <c r="D38" s="25">
        <v>3672</v>
      </c>
      <c r="E38" s="26">
        <v>264</v>
      </c>
      <c r="F38" s="24">
        <v>181</v>
      </c>
      <c r="G38" s="25">
        <v>445</v>
      </c>
      <c r="H38" s="26">
        <v>2151</v>
      </c>
      <c r="I38" s="24">
        <v>1966</v>
      </c>
      <c r="J38" s="25">
        <v>4117</v>
      </c>
    </row>
    <row r="39" spans="1:10" ht="18" customHeight="1" x14ac:dyDescent="0.15">
      <c r="A39" s="22">
        <v>27</v>
      </c>
      <c r="B39" s="23">
        <v>1903</v>
      </c>
      <c r="C39" s="24">
        <v>1727</v>
      </c>
      <c r="D39" s="25">
        <v>3630</v>
      </c>
      <c r="E39" s="26">
        <v>221</v>
      </c>
      <c r="F39" s="24">
        <v>143</v>
      </c>
      <c r="G39" s="25">
        <v>364</v>
      </c>
      <c r="H39" s="26">
        <v>2124</v>
      </c>
      <c r="I39" s="24">
        <v>1870</v>
      </c>
      <c r="J39" s="25">
        <v>3994</v>
      </c>
    </row>
    <row r="40" spans="1:10" ht="18" customHeight="1" x14ac:dyDescent="0.15">
      <c r="A40" s="22">
        <v>28</v>
      </c>
      <c r="B40" s="23">
        <v>1998</v>
      </c>
      <c r="C40" s="24">
        <v>1722</v>
      </c>
      <c r="D40" s="25">
        <v>3720</v>
      </c>
      <c r="E40" s="26">
        <v>227</v>
      </c>
      <c r="F40" s="24">
        <v>137</v>
      </c>
      <c r="G40" s="25">
        <v>364</v>
      </c>
      <c r="H40" s="26">
        <v>2225</v>
      </c>
      <c r="I40" s="24">
        <v>1859</v>
      </c>
      <c r="J40" s="25">
        <v>4084</v>
      </c>
    </row>
    <row r="41" spans="1:10" ht="18" customHeight="1" x14ac:dyDescent="0.15">
      <c r="A41" s="22">
        <v>29</v>
      </c>
      <c r="B41" s="23">
        <v>1933</v>
      </c>
      <c r="C41" s="24">
        <v>1811</v>
      </c>
      <c r="D41" s="25">
        <v>3744</v>
      </c>
      <c r="E41" s="26">
        <v>209</v>
      </c>
      <c r="F41" s="24">
        <v>151</v>
      </c>
      <c r="G41" s="25">
        <v>360</v>
      </c>
      <c r="H41" s="26">
        <v>2142</v>
      </c>
      <c r="I41" s="24">
        <v>1962</v>
      </c>
      <c r="J41" s="25">
        <v>4104</v>
      </c>
    </row>
    <row r="42" spans="1:10" ht="18" customHeight="1" x14ac:dyDescent="0.15">
      <c r="A42" s="22" t="s">
        <v>15</v>
      </c>
      <c r="B42" s="23">
        <v>9760</v>
      </c>
      <c r="C42" s="24">
        <v>8750</v>
      </c>
      <c r="D42" s="25">
        <v>18510</v>
      </c>
      <c r="E42" s="26">
        <v>1172</v>
      </c>
      <c r="F42" s="24">
        <v>791</v>
      </c>
      <c r="G42" s="25">
        <v>1963</v>
      </c>
      <c r="H42" s="26">
        <v>10932</v>
      </c>
      <c r="I42" s="24">
        <v>9541</v>
      </c>
      <c r="J42" s="25">
        <v>20473</v>
      </c>
    </row>
    <row r="43" spans="1:10" ht="18" customHeight="1" x14ac:dyDescent="0.15">
      <c r="A43" s="22">
        <v>30</v>
      </c>
      <c r="B43" s="23">
        <v>2002</v>
      </c>
      <c r="C43" s="24">
        <v>1713</v>
      </c>
      <c r="D43" s="25">
        <v>3715</v>
      </c>
      <c r="E43" s="26">
        <v>247</v>
      </c>
      <c r="F43" s="24">
        <v>130</v>
      </c>
      <c r="G43" s="25">
        <v>377</v>
      </c>
      <c r="H43" s="26">
        <v>2249</v>
      </c>
      <c r="I43" s="24">
        <v>1843</v>
      </c>
      <c r="J43" s="25">
        <v>4092</v>
      </c>
    </row>
    <row r="44" spans="1:10" ht="18" customHeight="1" x14ac:dyDescent="0.15">
      <c r="A44" s="22">
        <v>31</v>
      </c>
      <c r="B44" s="23">
        <v>1987</v>
      </c>
      <c r="C44" s="24">
        <v>1761</v>
      </c>
      <c r="D44" s="25">
        <v>3748</v>
      </c>
      <c r="E44" s="26">
        <v>184</v>
      </c>
      <c r="F44" s="24">
        <v>122</v>
      </c>
      <c r="G44" s="25">
        <v>306</v>
      </c>
      <c r="H44" s="26">
        <v>2171</v>
      </c>
      <c r="I44" s="24">
        <v>1883</v>
      </c>
      <c r="J44" s="25">
        <v>4054</v>
      </c>
    </row>
    <row r="45" spans="1:10" ht="18" customHeight="1" x14ac:dyDescent="0.15">
      <c r="A45" s="22">
        <v>32</v>
      </c>
      <c r="B45" s="23">
        <v>1880</v>
      </c>
      <c r="C45" s="24">
        <v>1703</v>
      </c>
      <c r="D45" s="25">
        <v>3583</v>
      </c>
      <c r="E45" s="26">
        <v>170</v>
      </c>
      <c r="F45" s="24">
        <v>119</v>
      </c>
      <c r="G45" s="25">
        <v>289</v>
      </c>
      <c r="H45" s="26">
        <v>2050</v>
      </c>
      <c r="I45" s="24">
        <v>1822</v>
      </c>
      <c r="J45" s="25">
        <v>3872</v>
      </c>
    </row>
    <row r="46" spans="1:10" ht="18" customHeight="1" x14ac:dyDescent="0.15">
      <c r="A46" s="22">
        <v>33</v>
      </c>
      <c r="B46" s="23">
        <v>1877</v>
      </c>
      <c r="C46" s="24">
        <v>1734</v>
      </c>
      <c r="D46" s="25">
        <v>3611</v>
      </c>
      <c r="E46" s="26">
        <v>143</v>
      </c>
      <c r="F46" s="24">
        <v>102</v>
      </c>
      <c r="G46" s="25">
        <v>245</v>
      </c>
      <c r="H46" s="26">
        <v>2020</v>
      </c>
      <c r="I46" s="24">
        <v>1836</v>
      </c>
      <c r="J46" s="25">
        <v>3856</v>
      </c>
    </row>
    <row r="47" spans="1:10" ht="18" customHeight="1" x14ac:dyDescent="0.15">
      <c r="A47" s="22">
        <v>34</v>
      </c>
      <c r="B47" s="23">
        <v>1942</v>
      </c>
      <c r="C47" s="24">
        <v>1726</v>
      </c>
      <c r="D47" s="25">
        <v>3668</v>
      </c>
      <c r="E47" s="26">
        <v>135</v>
      </c>
      <c r="F47" s="24">
        <v>105</v>
      </c>
      <c r="G47" s="25">
        <v>240</v>
      </c>
      <c r="H47" s="26">
        <v>2077</v>
      </c>
      <c r="I47" s="24">
        <v>1831</v>
      </c>
      <c r="J47" s="25">
        <v>3908</v>
      </c>
    </row>
    <row r="48" spans="1:10" ht="18" customHeight="1" x14ac:dyDescent="0.15">
      <c r="A48" s="22" t="s">
        <v>16</v>
      </c>
      <c r="B48" s="23">
        <v>9688</v>
      </c>
      <c r="C48" s="24">
        <v>8637</v>
      </c>
      <c r="D48" s="25">
        <v>18325</v>
      </c>
      <c r="E48" s="26">
        <v>879</v>
      </c>
      <c r="F48" s="24">
        <v>578</v>
      </c>
      <c r="G48" s="25">
        <v>1457</v>
      </c>
      <c r="H48" s="26">
        <v>10567</v>
      </c>
      <c r="I48" s="24">
        <v>9215</v>
      </c>
      <c r="J48" s="25">
        <v>19782</v>
      </c>
    </row>
    <row r="49" spans="1:10" ht="18" customHeight="1" x14ac:dyDescent="0.15">
      <c r="A49" s="22">
        <v>35</v>
      </c>
      <c r="B49" s="23">
        <v>1928</v>
      </c>
      <c r="C49" s="24">
        <v>1710</v>
      </c>
      <c r="D49" s="25">
        <v>3638</v>
      </c>
      <c r="E49" s="26">
        <v>139</v>
      </c>
      <c r="F49" s="24">
        <v>117</v>
      </c>
      <c r="G49" s="25">
        <v>256</v>
      </c>
      <c r="H49" s="26">
        <v>2067</v>
      </c>
      <c r="I49" s="24">
        <v>1827</v>
      </c>
      <c r="J49" s="25">
        <v>3894</v>
      </c>
    </row>
    <row r="50" spans="1:10" ht="18" customHeight="1" x14ac:dyDescent="0.15">
      <c r="A50" s="22">
        <v>36</v>
      </c>
      <c r="B50" s="23">
        <v>2020</v>
      </c>
      <c r="C50" s="24">
        <v>1797</v>
      </c>
      <c r="D50" s="25">
        <v>3817</v>
      </c>
      <c r="E50" s="26">
        <v>131</v>
      </c>
      <c r="F50" s="24">
        <v>86</v>
      </c>
      <c r="G50" s="25">
        <v>217</v>
      </c>
      <c r="H50" s="26">
        <v>2151</v>
      </c>
      <c r="I50" s="24">
        <v>1883</v>
      </c>
      <c r="J50" s="25">
        <v>4034</v>
      </c>
    </row>
    <row r="51" spans="1:10" ht="18" customHeight="1" x14ac:dyDescent="0.15">
      <c r="A51" s="22">
        <v>37</v>
      </c>
      <c r="B51" s="23">
        <v>2101</v>
      </c>
      <c r="C51" s="24">
        <v>1885</v>
      </c>
      <c r="D51" s="25">
        <v>3986</v>
      </c>
      <c r="E51" s="26">
        <v>111</v>
      </c>
      <c r="F51" s="24">
        <v>67</v>
      </c>
      <c r="G51" s="25">
        <v>178</v>
      </c>
      <c r="H51" s="26">
        <v>2212</v>
      </c>
      <c r="I51" s="24">
        <v>1952</v>
      </c>
      <c r="J51" s="25">
        <v>4164</v>
      </c>
    </row>
    <row r="52" spans="1:10" ht="18" customHeight="1" x14ac:dyDescent="0.15">
      <c r="A52" s="22">
        <v>38</v>
      </c>
      <c r="B52" s="23">
        <v>2005</v>
      </c>
      <c r="C52" s="24">
        <v>1958</v>
      </c>
      <c r="D52" s="25">
        <v>3963</v>
      </c>
      <c r="E52" s="26">
        <v>95</v>
      </c>
      <c r="F52" s="24">
        <v>73</v>
      </c>
      <c r="G52" s="25">
        <v>168</v>
      </c>
      <c r="H52" s="26">
        <v>2100</v>
      </c>
      <c r="I52" s="24">
        <v>2031</v>
      </c>
      <c r="J52" s="25">
        <v>4131</v>
      </c>
    </row>
    <row r="53" spans="1:10" ht="18" customHeight="1" x14ac:dyDescent="0.15">
      <c r="A53" s="22">
        <v>39</v>
      </c>
      <c r="B53" s="23">
        <v>2236</v>
      </c>
      <c r="C53" s="24">
        <v>2049</v>
      </c>
      <c r="D53" s="25">
        <v>4285</v>
      </c>
      <c r="E53" s="26">
        <v>74</v>
      </c>
      <c r="F53" s="24">
        <v>80</v>
      </c>
      <c r="G53" s="25">
        <v>154</v>
      </c>
      <c r="H53" s="26">
        <v>2310</v>
      </c>
      <c r="I53" s="24">
        <v>2129</v>
      </c>
      <c r="J53" s="25">
        <v>4439</v>
      </c>
    </row>
    <row r="54" spans="1:10" ht="18" customHeight="1" x14ac:dyDescent="0.15">
      <c r="A54" s="22" t="s">
        <v>17</v>
      </c>
      <c r="B54" s="23">
        <v>10290</v>
      </c>
      <c r="C54" s="24">
        <v>9399</v>
      </c>
      <c r="D54" s="25">
        <v>19689</v>
      </c>
      <c r="E54" s="26">
        <v>550</v>
      </c>
      <c r="F54" s="24">
        <v>423</v>
      </c>
      <c r="G54" s="25">
        <v>973</v>
      </c>
      <c r="H54" s="26">
        <v>10840</v>
      </c>
      <c r="I54" s="24">
        <v>9822</v>
      </c>
      <c r="J54" s="25">
        <v>20662</v>
      </c>
    </row>
    <row r="55" spans="1:10" ht="18" customHeight="1" x14ac:dyDescent="0.15">
      <c r="A55" s="22">
        <v>40</v>
      </c>
      <c r="B55" s="23">
        <v>2305</v>
      </c>
      <c r="C55" s="24">
        <v>2164</v>
      </c>
      <c r="D55" s="25">
        <v>4469</v>
      </c>
      <c r="E55" s="26">
        <v>80</v>
      </c>
      <c r="F55" s="24">
        <v>81</v>
      </c>
      <c r="G55" s="25">
        <v>161</v>
      </c>
      <c r="H55" s="26">
        <v>2385</v>
      </c>
      <c r="I55" s="24">
        <v>2245</v>
      </c>
      <c r="J55" s="25">
        <v>4630</v>
      </c>
    </row>
    <row r="56" spans="1:10" ht="18" customHeight="1" x14ac:dyDescent="0.15">
      <c r="A56" s="22">
        <v>41</v>
      </c>
      <c r="B56" s="23">
        <v>2394</v>
      </c>
      <c r="C56" s="24">
        <v>2162</v>
      </c>
      <c r="D56" s="25">
        <v>4556</v>
      </c>
      <c r="E56" s="26">
        <v>74</v>
      </c>
      <c r="F56" s="24">
        <v>88</v>
      </c>
      <c r="G56" s="25">
        <v>162</v>
      </c>
      <c r="H56" s="26">
        <v>2468</v>
      </c>
      <c r="I56" s="24">
        <v>2250</v>
      </c>
      <c r="J56" s="25">
        <v>4718</v>
      </c>
    </row>
    <row r="57" spans="1:10" ht="18" customHeight="1" x14ac:dyDescent="0.15">
      <c r="A57" s="22">
        <v>42</v>
      </c>
      <c r="B57" s="23">
        <v>2384</v>
      </c>
      <c r="C57" s="24">
        <v>2072</v>
      </c>
      <c r="D57" s="25">
        <v>4456</v>
      </c>
      <c r="E57" s="26">
        <v>73</v>
      </c>
      <c r="F57" s="24">
        <v>82</v>
      </c>
      <c r="G57" s="25">
        <v>155</v>
      </c>
      <c r="H57" s="26">
        <v>2457</v>
      </c>
      <c r="I57" s="24">
        <v>2154</v>
      </c>
      <c r="J57" s="25">
        <v>4611</v>
      </c>
    </row>
    <row r="58" spans="1:10" ht="18" customHeight="1" x14ac:dyDescent="0.15">
      <c r="A58" s="22">
        <v>43</v>
      </c>
      <c r="B58" s="23">
        <v>2418</v>
      </c>
      <c r="C58" s="24">
        <v>2200</v>
      </c>
      <c r="D58" s="25">
        <v>4618</v>
      </c>
      <c r="E58" s="26">
        <v>53</v>
      </c>
      <c r="F58" s="24">
        <v>97</v>
      </c>
      <c r="G58" s="25">
        <v>150</v>
      </c>
      <c r="H58" s="26">
        <v>2471</v>
      </c>
      <c r="I58" s="24">
        <v>2297</v>
      </c>
      <c r="J58" s="25">
        <v>4768</v>
      </c>
    </row>
    <row r="59" spans="1:10" ht="18" customHeight="1" x14ac:dyDescent="0.15">
      <c r="A59" s="22">
        <v>44</v>
      </c>
      <c r="B59" s="23">
        <v>2360</v>
      </c>
      <c r="C59" s="24">
        <v>2317</v>
      </c>
      <c r="D59" s="25">
        <v>4677</v>
      </c>
      <c r="E59" s="26">
        <v>64</v>
      </c>
      <c r="F59" s="24">
        <v>94</v>
      </c>
      <c r="G59" s="25">
        <v>158</v>
      </c>
      <c r="H59" s="26">
        <v>2424</v>
      </c>
      <c r="I59" s="24">
        <v>2411</v>
      </c>
      <c r="J59" s="25">
        <v>4835</v>
      </c>
    </row>
    <row r="60" spans="1:10" ht="18" customHeight="1" x14ac:dyDescent="0.15">
      <c r="A60" s="22" t="s">
        <v>18</v>
      </c>
      <c r="B60" s="23">
        <v>11861</v>
      </c>
      <c r="C60" s="24">
        <v>10915</v>
      </c>
      <c r="D60" s="25">
        <v>22776</v>
      </c>
      <c r="E60" s="26">
        <v>344</v>
      </c>
      <c r="F60" s="24">
        <v>442</v>
      </c>
      <c r="G60" s="25">
        <v>786</v>
      </c>
      <c r="H60" s="26">
        <v>12205</v>
      </c>
      <c r="I60" s="24">
        <v>11357</v>
      </c>
      <c r="J60" s="25">
        <v>23562</v>
      </c>
    </row>
    <row r="61" spans="1:10" ht="18" customHeight="1" x14ac:dyDescent="0.15">
      <c r="A61" s="22">
        <v>45</v>
      </c>
      <c r="B61" s="23">
        <v>2495</v>
      </c>
      <c r="C61" s="24">
        <v>2303</v>
      </c>
      <c r="D61" s="25">
        <v>4798</v>
      </c>
      <c r="E61" s="26">
        <v>45</v>
      </c>
      <c r="F61" s="24">
        <v>76</v>
      </c>
      <c r="G61" s="25">
        <v>121</v>
      </c>
      <c r="H61" s="26">
        <v>2540</v>
      </c>
      <c r="I61" s="24">
        <v>2379</v>
      </c>
      <c r="J61" s="25">
        <v>4919</v>
      </c>
    </row>
    <row r="62" spans="1:10" ht="18" customHeight="1" x14ac:dyDescent="0.15">
      <c r="A62" s="22">
        <v>46</v>
      </c>
      <c r="B62" s="23">
        <v>2613</v>
      </c>
      <c r="C62" s="24">
        <v>2478</v>
      </c>
      <c r="D62" s="25">
        <v>5091</v>
      </c>
      <c r="E62" s="26">
        <v>41</v>
      </c>
      <c r="F62" s="24">
        <v>69</v>
      </c>
      <c r="G62" s="25">
        <v>110</v>
      </c>
      <c r="H62" s="26">
        <v>2654</v>
      </c>
      <c r="I62" s="24">
        <v>2547</v>
      </c>
      <c r="J62" s="25">
        <v>5201</v>
      </c>
    </row>
    <row r="63" spans="1:10" ht="18" customHeight="1" x14ac:dyDescent="0.15">
      <c r="A63" s="22">
        <v>47</v>
      </c>
      <c r="B63" s="23">
        <v>2893</v>
      </c>
      <c r="C63" s="24">
        <v>2636</v>
      </c>
      <c r="D63" s="25">
        <v>5529</v>
      </c>
      <c r="E63" s="26">
        <v>39</v>
      </c>
      <c r="F63" s="24">
        <v>83</v>
      </c>
      <c r="G63" s="25">
        <v>122</v>
      </c>
      <c r="H63" s="26">
        <v>2932</v>
      </c>
      <c r="I63" s="24">
        <v>2719</v>
      </c>
      <c r="J63" s="25">
        <v>5651</v>
      </c>
    </row>
    <row r="64" spans="1:10" ht="18" customHeight="1" x14ac:dyDescent="0.15">
      <c r="A64" s="22">
        <v>48</v>
      </c>
      <c r="B64" s="23">
        <v>2909</v>
      </c>
      <c r="C64" s="24">
        <v>2670</v>
      </c>
      <c r="D64" s="25">
        <v>5579</v>
      </c>
      <c r="E64" s="26">
        <v>37</v>
      </c>
      <c r="F64" s="24">
        <v>68</v>
      </c>
      <c r="G64" s="25">
        <v>105</v>
      </c>
      <c r="H64" s="26">
        <v>2946</v>
      </c>
      <c r="I64" s="24">
        <v>2738</v>
      </c>
      <c r="J64" s="25">
        <v>5684</v>
      </c>
    </row>
    <row r="65" spans="1:10" ht="18" customHeight="1" x14ac:dyDescent="0.15">
      <c r="A65" s="22">
        <v>49</v>
      </c>
      <c r="B65" s="23">
        <v>3116</v>
      </c>
      <c r="C65" s="24">
        <v>2842</v>
      </c>
      <c r="D65" s="25">
        <v>5958</v>
      </c>
      <c r="E65" s="26">
        <v>41</v>
      </c>
      <c r="F65" s="24">
        <v>72</v>
      </c>
      <c r="G65" s="25">
        <v>113</v>
      </c>
      <c r="H65" s="26">
        <v>3157</v>
      </c>
      <c r="I65" s="24">
        <v>2914</v>
      </c>
      <c r="J65" s="25">
        <v>6071</v>
      </c>
    </row>
    <row r="66" spans="1:10" ht="18" customHeight="1" x14ac:dyDescent="0.15">
      <c r="A66" s="22" t="s">
        <v>19</v>
      </c>
      <c r="B66" s="23">
        <v>14026</v>
      </c>
      <c r="C66" s="24">
        <v>12929</v>
      </c>
      <c r="D66" s="25">
        <v>26955</v>
      </c>
      <c r="E66" s="26">
        <v>203</v>
      </c>
      <c r="F66" s="24">
        <v>368</v>
      </c>
      <c r="G66" s="25">
        <v>571</v>
      </c>
      <c r="H66" s="26">
        <v>14229</v>
      </c>
      <c r="I66" s="24">
        <v>13297</v>
      </c>
      <c r="J66" s="25">
        <v>27526</v>
      </c>
    </row>
    <row r="67" spans="1:10" ht="18" customHeight="1" x14ac:dyDescent="0.15">
      <c r="A67" s="22">
        <v>50</v>
      </c>
      <c r="B67" s="23">
        <v>3289</v>
      </c>
      <c r="C67" s="24">
        <v>3063</v>
      </c>
      <c r="D67" s="25">
        <v>6352</v>
      </c>
      <c r="E67" s="26">
        <v>36</v>
      </c>
      <c r="F67" s="24">
        <v>74</v>
      </c>
      <c r="G67" s="25">
        <v>110</v>
      </c>
      <c r="H67" s="26">
        <v>3325</v>
      </c>
      <c r="I67" s="24">
        <v>3137</v>
      </c>
      <c r="J67" s="25">
        <v>6462</v>
      </c>
    </row>
    <row r="68" spans="1:10" ht="18" customHeight="1" x14ac:dyDescent="0.15">
      <c r="A68" s="22">
        <v>51</v>
      </c>
      <c r="B68" s="23">
        <v>3420</v>
      </c>
      <c r="C68" s="24">
        <v>3316</v>
      </c>
      <c r="D68" s="25">
        <v>6736</v>
      </c>
      <c r="E68" s="26">
        <v>40</v>
      </c>
      <c r="F68" s="24">
        <v>76</v>
      </c>
      <c r="G68" s="25">
        <v>116</v>
      </c>
      <c r="H68" s="26">
        <v>3460</v>
      </c>
      <c r="I68" s="24">
        <v>3392</v>
      </c>
      <c r="J68" s="25">
        <v>6852</v>
      </c>
    </row>
    <row r="69" spans="1:10" ht="18" customHeight="1" x14ac:dyDescent="0.15">
      <c r="A69" s="22">
        <v>52</v>
      </c>
      <c r="B69" s="23">
        <v>3518</v>
      </c>
      <c r="C69" s="24">
        <v>3322</v>
      </c>
      <c r="D69" s="25">
        <v>6840</v>
      </c>
      <c r="E69" s="26">
        <v>29</v>
      </c>
      <c r="F69" s="24">
        <v>67</v>
      </c>
      <c r="G69" s="25">
        <v>96</v>
      </c>
      <c r="H69" s="26">
        <v>3547</v>
      </c>
      <c r="I69" s="24">
        <v>3389</v>
      </c>
      <c r="J69" s="25">
        <v>6936</v>
      </c>
    </row>
    <row r="70" spans="1:10" ht="18" customHeight="1" x14ac:dyDescent="0.15">
      <c r="A70" s="22">
        <v>53</v>
      </c>
      <c r="B70" s="23">
        <v>3419</v>
      </c>
      <c r="C70" s="24">
        <v>3328</v>
      </c>
      <c r="D70" s="25">
        <v>6747</v>
      </c>
      <c r="E70" s="26">
        <v>30</v>
      </c>
      <c r="F70" s="24">
        <v>75</v>
      </c>
      <c r="G70" s="25">
        <v>105</v>
      </c>
      <c r="H70" s="26">
        <v>3449</v>
      </c>
      <c r="I70" s="24">
        <v>3403</v>
      </c>
      <c r="J70" s="25">
        <v>6852</v>
      </c>
    </row>
    <row r="71" spans="1:10" ht="18" customHeight="1" x14ac:dyDescent="0.15">
      <c r="A71" s="22">
        <v>54</v>
      </c>
      <c r="B71" s="23">
        <v>3292</v>
      </c>
      <c r="C71" s="24">
        <v>3132</v>
      </c>
      <c r="D71" s="25">
        <v>6424</v>
      </c>
      <c r="E71" s="26">
        <v>32</v>
      </c>
      <c r="F71" s="24">
        <v>76</v>
      </c>
      <c r="G71" s="25">
        <v>108</v>
      </c>
      <c r="H71" s="26">
        <v>3324</v>
      </c>
      <c r="I71" s="24">
        <v>3208</v>
      </c>
      <c r="J71" s="25">
        <v>6532</v>
      </c>
    </row>
    <row r="72" spans="1:10" ht="18" customHeight="1" x14ac:dyDescent="0.15">
      <c r="A72" s="22" t="s">
        <v>20</v>
      </c>
      <c r="B72" s="23">
        <v>16938</v>
      </c>
      <c r="C72" s="24">
        <v>16161</v>
      </c>
      <c r="D72" s="25">
        <v>33099</v>
      </c>
      <c r="E72" s="26">
        <v>167</v>
      </c>
      <c r="F72" s="24">
        <v>368</v>
      </c>
      <c r="G72" s="25">
        <v>535</v>
      </c>
      <c r="H72" s="26">
        <v>17105</v>
      </c>
      <c r="I72" s="24">
        <v>16529</v>
      </c>
      <c r="J72" s="25">
        <v>33634</v>
      </c>
    </row>
    <row r="73" spans="1:10" ht="18" customHeight="1" x14ac:dyDescent="0.15">
      <c r="A73" s="22">
        <v>55</v>
      </c>
      <c r="B73" s="23">
        <v>3179</v>
      </c>
      <c r="C73" s="24">
        <v>2967</v>
      </c>
      <c r="D73" s="25">
        <v>6146</v>
      </c>
      <c r="E73" s="26">
        <v>33</v>
      </c>
      <c r="F73" s="24">
        <v>62</v>
      </c>
      <c r="G73" s="25">
        <v>95</v>
      </c>
      <c r="H73" s="26">
        <v>3212</v>
      </c>
      <c r="I73" s="24">
        <v>3029</v>
      </c>
      <c r="J73" s="25">
        <v>6241</v>
      </c>
    </row>
    <row r="74" spans="1:10" ht="18" customHeight="1" x14ac:dyDescent="0.15">
      <c r="A74" s="22">
        <v>56</v>
      </c>
      <c r="B74" s="23">
        <v>3039</v>
      </c>
      <c r="C74" s="24">
        <v>2784</v>
      </c>
      <c r="D74" s="25">
        <v>5823</v>
      </c>
      <c r="E74" s="26">
        <v>30</v>
      </c>
      <c r="F74" s="24">
        <v>87</v>
      </c>
      <c r="G74" s="25">
        <v>117</v>
      </c>
      <c r="H74" s="26">
        <v>3069</v>
      </c>
      <c r="I74" s="24">
        <v>2871</v>
      </c>
      <c r="J74" s="25">
        <v>5940</v>
      </c>
    </row>
    <row r="75" spans="1:10" ht="18" customHeight="1" x14ac:dyDescent="0.15">
      <c r="A75" s="22">
        <v>57</v>
      </c>
      <c r="B75" s="23">
        <v>2903</v>
      </c>
      <c r="C75" s="24">
        <v>2859</v>
      </c>
      <c r="D75" s="25">
        <v>5762</v>
      </c>
      <c r="E75" s="26">
        <v>34</v>
      </c>
      <c r="F75" s="24">
        <v>55</v>
      </c>
      <c r="G75" s="25">
        <v>89</v>
      </c>
      <c r="H75" s="26">
        <v>2937</v>
      </c>
      <c r="I75" s="24">
        <v>2914</v>
      </c>
      <c r="J75" s="25">
        <v>5851</v>
      </c>
    </row>
    <row r="76" spans="1:10" ht="18" customHeight="1" x14ac:dyDescent="0.15">
      <c r="A76" s="22">
        <v>58</v>
      </c>
      <c r="B76" s="23">
        <v>2954</v>
      </c>
      <c r="C76" s="24">
        <v>2847</v>
      </c>
      <c r="D76" s="25">
        <v>5801</v>
      </c>
      <c r="E76" s="26">
        <v>24</v>
      </c>
      <c r="F76" s="24">
        <v>70</v>
      </c>
      <c r="G76" s="25">
        <v>94</v>
      </c>
      <c r="H76" s="26">
        <v>2978</v>
      </c>
      <c r="I76" s="24">
        <v>2917</v>
      </c>
      <c r="J76" s="25">
        <v>5895</v>
      </c>
    </row>
    <row r="77" spans="1:10" ht="18" customHeight="1" x14ac:dyDescent="0.15">
      <c r="A77" s="22">
        <v>59</v>
      </c>
      <c r="B77" s="23">
        <v>1948</v>
      </c>
      <c r="C77" s="24">
        <v>2014</v>
      </c>
      <c r="D77" s="25">
        <v>3962</v>
      </c>
      <c r="E77" s="26">
        <v>16</v>
      </c>
      <c r="F77" s="24">
        <v>50</v>
      </c>
      <c r="G77" s="25">
        <v>66</v>
      </c>
      <c r="H77" s="26">
        <v>1964</v>
      </c>
      <c r="I77" s="24">
        <v>2064</v>
      </c>
      <c r="J77" s="25">
        <v>4028</v>
      </c>
    </row>
    <row r="78" spans="1:10" ht="18" customHeight="1" x14ac:dyDescent="0.15">
      <c r="A78" s="22" t="s">
        <v>21</v>
      </c>
      <c r="B78" s="23">
        <v>14023</v>
      </c>
      <c r="C78" s="24">
        <v>13471</v>
      </c>
      <c r="D78" s="25">
        <v>27494</v>
      </c>
      <c r="E78" s="26">
        <v>137</v>
      </c>
      <c r="F78" s="24">
        <v>324</v>
      </c>
      <c r="G78" s="25">
        <v>461</v>
      </c>
      <c r="H78" s="26">
        <v>14160</v>
      </c>
      <c r="I78" s="24">
        <v>13795</v>
      </c>
      <c r="J78" s="25">
        <v>27955</v>
      </c>
    </row>
    <row r="79" spans="1:10" ht="18" customHeight="1" x14ac:dyDescent="0.15">
      <c r="A79" s="22">
        <v>60</v>
      </c>
      <c r="B79" s="23">
        <v>2656</v>
      </c>
      <c r="C79" s="24">
        <v>2730</v>
      </c>
      <c r="D79" s="25">
        <v>5386</v>
      </c>
      <c r="E79" s="26">
        <v>16</v>
      </c>
      <c r="F79" s="24">
        <v>35</v>
      </c>
      <c r="G79" s="25">
        <v>51</v>
      </c>
      <c r="H79" s="26">
        <v>2672</v>
      </c>
      <c r="I79" s="24">
        <v>2765</v>
      </c>
      <c r="J79" s="25">
        <v>5437</v>
      </c>
    </row>
    <row r="80" spans="1:10" ht="18" customHeight="1" x14ac:dyDescent="0.15">
      <c r="A80" s="22">
        <v>61</v>
      </c>
      <c r="B80" s="23">
        <v>2539</v>
      </c>
      <c r="C80" s="24">
        <v>2503</v>
      </c>
      <c r="D80" s="25">
        <v>5042</v>
      </c>
      <c r="E80" s="26">
        <v>24</v>
      </c>
      <c r="F80" s="24">
        <v>46</v>
      </c>
      <c r="G80" s="25">
        <v>70</v>
      </c>
      <c r="H80" s="26">
        <v>2563</v>
      </c>
      <c r="I80" s="24">
        <v>2549</v>
      </c>
      <c r="J80" s="25">
        <v>5112</v>
      </c>
    </row>
    <row r="81" spans="1:10" ht="18" customHeight="1" x14ac:dyDescent="0.15">
      <c r="A81" s="22">
        <v>62</v>
      </c>
      <c r="B81" s="23">
        <v>2488</v>
      </c>
      <c r="C81" s="24">
        <v>2483</v>
      </c>
      <c r="D81" s="25">
        <v>4971</v>
      </c>
      <c r="E81" s="26">
        <v>21</v>
      </c>
      <c r="F81" s="24">
        <v>37</v>
      </c>
      <c r="G81" s="25">
        <v>58</v>
      </c>
      <c r="H81" s="26">
        <v>2509</v>
      </c>
      <c r="I81" s="24">
        <v>2520</v>
      </c>
      <c r="J81" s="25">
        <v>5029</v>
      </c>
    </row>
    <row r="82" spans="1:10" ht="18" customHeight="1" x14ac:dyDescent="0.15">
      <c r="A82" s="22">
        <v>63</v>
      </c>
      <c r="B82" s="23">
        <v>2262</v>
      </c>
      <c r="C82" s="24">
        <v>2255</v>
      </c>
      <c r="D82" s="25">
        <v>4517</v>
      </c>
      <c r="E82" s="26">
        <v>25</v>
      </c>
      <c r="F82" s="24">
        <v>22</v>
      </c>
      <c r="G82" s="25">
        <v>47</v>
      </c>
      <c r="H82" s="26">
        <v>2287</v>
      </c>
      <c r="I82" s="24">
        <v>2277</v>
      </c>
      <c r="J82" s="25">
        <v>4564</v>
      </c>
    </row>
    <row r="83" spans="1:10" ht="18" customHeight="1" x14ac:dyDescent="0.15">
      <c r="A83" s="22">
        <v>64</v>
      </c>
      <c r="B83" s="23">
        <v>2212</v>
      </c>
      <c r="C83" s="24">
        <v>2408</v>
      </c>
      <c r="D83" s="25">
        <v>4620</v>
      </c>
      <c r="E83" s="26">
        <v>22</v>
      </c>
      <c r="F83" s="24">
        <v>31</v>
      </c>
      <c r="G83" s="25">
        <v>53</v>
      </c>
      <c r="H83" s="26">
        <v>2234</v>
      </c>
      <c r="I83" s="24">
        <v>2439</v>
      </c>
      <c r="J83" s="25">
        <v>4673</v>
      </c>
    </row>
    <row r="84" spans="1:10" ht="18" customHeight="1" x14ac:dyDescent="0.15">
      <c r="A84" s="22" t="s">
        <v>22</v>
      </c>
      <c r="B84" s="23">
        <v>12157</v>
      </c>
      <c r="C84" s="24">
        <v>12379</v>
      </c>
      <c r="D84" s="25">
        <v>24536</v>
      </c>
      <c r="E84" s="26">
        <v>108</v>
      </c>
      <c r="F84" s="24">
        <v>171</v>
      </c>
      <c r="G84" s="25">
        <v>279</v>
      </c>
      <c r="H84" s="26">
        <v>12265</v>
      </c>
      <c r="I84" s="24">
        <v>12550</v>
      </c>
      <c r="J84" s="25">
        <v>24815</v>
      </c>
    </row>
    <row r="85" spans="1:10" ht="18" customHeight="1" x14ac:dyDescent="0.15">
      <c r="A85" s="22" t="s">
        <v>23</v>
      </c>
      <c r="B85" s="23">
        <v>117279</v>
      </c>
      <c r="C85" s="24">
        <v>109761</v>
      </c>
      <c r="D85" s="25">
        <v>227040</v>
      </c>
      <c r="E85" s="26">
        <v>4799</v>
      </c>
      <c r="F85" s="24">
        <v>4321</v>
      </c>
      <c r="G85" s="25">
        <v>9120</v>
      </c>
      <c r="H85" s="26">
        <v>122078</v>
      </c>
      <c r="I85" s="24">
        <v>114082</v>
      </c>
      <c r="J85" s="25">
        <v>236160</v>
      </c>
    </row>
    <row r="86" spans="1:10" ht="18" customHeight="1" x14ac:dyDescent="0.15">
      <c r="A86" s="22">
        <v>65</v>
      </c>
      <c r="B86" s="23">
        <v>2297</v>
      </c>
      <c r="C86" s="24">
        <v>2365</v>
      </c>
      <c r="D86" s="25">
        <v>4662</v>
      </c>
      <c r="E86" s="26">
        <v>13</v>
      </c>
      <c r="F86" s="24">
        <v>23</v>
      </c>
      <c r="G86" s="25">
        <v>36</v>
      </c>
      <c r="H86" s="26">
        <v>2310</v>
      </c>
      <c r="I86" s="24">
        <v>2388</v>
      </c>
      <c r="J86" s="25">
        <v>4698</v>
      </c>
    </row>
    <row r="87" spans="1:10" ht="18" customHeight="1" x14ac:dyDescent="0.15">
      <c r="A87" s="22">
        <v>66</v>
      </c>
      <c r="B87" s="23">
        <v>2227</v>
      </c>
      <c r="C87" s="24">
        <v>2378</v>
      </c>
      <c r="D87" s="25">
        <v>4605</v>
      </c>
      <c r="E87" s="26">
        <v>3</v>
      </c>
      <c r="F87" s="24">
        <v>27</v>
      </c>
      <c r="G87" s="25">
        <v>30</v>
      </c>
      <c r="H87" s="26">
        <v>2230</v>
      </c>
      <c r="I87" s="24">
        <v>2405</v>
      </c>
      <c r="J87" s="25">
        <v>4635</v>
      </c>
    </row>
    <row r="88" spans="1:10" ht="18" customHeight="1" x14ac:dyDescent="0.15">
      <c r="A88" s="22">
        <v>67</v>
      </c>
      <c r="B88" s="23">
        <v>2192</v>
      </c>
      <c r="C88" s="24">
        <v>2367</v>
      </c>
      <c r="D88" s="25">
        <v>4559</v>
      </c>
      <c r="E88" s="26">
        <v>8</v>
      </c>
      <c r="F88" s="24">
        <v>17</v>
      </c>
      <c r="G88" s="25">
        <v>25</v>
      </c>
      <c r="H88" s="26">
        <v>2200</v>
      </c>
      <c r="I88" s="24">
        <v>2384</v>
      </c>
      <c r="J88" s="25">
        <v>4584</v>
      </c>
    </row>
    <row r="89" spans="1:10" ht="18" customHeight="1" x14ac:dyDescent="0.15">
      <c r="A89" s="22">
        <v>68</v>
      </c>
      <c r="B89" s="23">
        <v>2115</v>
      </c>
      <c r="C89" s="24">
        <v>2212</v>
      </c>
      <c r="D89" s="25">
        <v>4327</v>
      </c>
      <c r="E89" s="26">
        <v>17</v>
      </c>
      <c r="F89" s="24">
        <v>9</v>
      </c>
      <c r="G89" s="25">
        <v>26</v>
      </c>
      <c r="H89" s="26">
        <v>2132</v>
      </c>
      <c r="I89" s="24">
        <v>2221</v>
      </c>
      <c r="J89" s="25">
        <v>4353</v>
      </c>
    </row>
    <row r="90" spans="1:10" ht="18" customHeight="1" x14ac:dyDescent="0.15">
      <c r="A90" s="22">
        <v>69</v>
      </c>
      <c r="B90" s="23">
        <v>2132</v>
      </c>
      <c r="C90" s="24">
        <v>2330</v>
      </c>
      <c r="D90" s="25">
        <v>4462</v>
      </c>
      <c r="E90" s="26">
        <v>7</v>
      </c>
      <c r="F90" s="24">
        <v>11</v>
      </c>
      <c r="G90" s="25">
        <v>18</v>
      </c>
      <c r="H90" s="26">
        <v>2139</v>
      </c>
      <c r="I90" s="24">
        <v>2341</v>
      </c>
      <c r="J90" s="25">
        <v>4480</v>
      </c>
    </row>
    <row r="91" spans="1:10" ht="18" customHeight="1" x14ac:dyDescent="0.15">
      <c r="A91" s="22" t="s">
        <v>24</v>
      </c>
      <c r="B91" s="23">
        <v>10963</v>
      </c>
      <c r="C91" s="24">
        <v>11652</v>
      </c>
      <c r="D91" s="25">
        <v>22615</v>
      </c>
      <c r="E91" s="26">
        <v>48</v>
      </c>
      <c r="F91" s="24">
        <v>87</v>
      </c>
      <c r="G91" s="25">
        <v>135</v>
      </c>
      <c r="H91" s="26">
        <v>11011</v>
      </c>
      <c r="I91" s="24">
        <v>11739</v>
      </c>
      <c r="J91" s="25">
        <v>22750</v>
      </c>
    </row>
    <row r="92" spans="1:10" ht="18" customHeight="1" x14ac:dyDescent="0.15">
      <c r="A92" s="22">
        <v>70</v>
      </c>
      <c r="B92" s="23">
        <v>2308</v>
      </c>
      <c r="C92" s="24">
        <v>2566</v>
      </c>
      <c r="D92" s="25">
        <v>4874</v>
      </c>
      <c r="E92" s="26">
        <v>6</v>
      </c>
      <c r="F92" s="24">
        <v>15</v>
      </c>
      <c r="G92" s="25">
        <v>21</v>
      </c>
      <c r="H92" s="26">
        <v>2314</v>
      </c>
      <c r="I92" s="24">
        <v>2581</v>
      </c>
      <c r="J92" s="25">
        <v>4895</v>
      </c>
    </row>
    <row r="93" spans="1:10" ht="18" customHeight="1" x14ac:dyDescent="0.15">
      <c r="A93" s="22">
        <v>71</v>
      </c>
      <c r="B93" s="23">
        <v>2267</v>
      </c>
      <c r="C93" s="24">
        <v>2521</v>
      </c>
      <c r="D93" s="25">
        <v>4788</v>
      </c>
      <c r="E93" s="26">
        <v>10</v>
      </c>
      <c r="F93" s="24">
        <v>10</v>
      </c>
      <c r="G93" s="25">
        <v>20</v>
      </c>
      <c r="H93" s="26">
        <v>2277</v>
      </c>
      <c r="I93" s="24">
        <v>2531</v>
      </c>
      <c r="J93" s="25">
        <v>4808</v>
      </c>
    </row>
    <row r="94" spans="1:10" ht="18" customHeight="1" x14ac:dyDescent="0.15">
      <c r="A94" s="22">
        <v>72</v>
      </c>
      <c r="B94" s="23">
        <v>2416</v>
      </c>
      <c r="C94" s="24">
        <v>2686</v>
      </c>
      <c r="D94" s="25">
        <v>5102</v>
      </c>
      <c r="E94" s="26">
        <v>13</v>
      </c>
      <c r="F94" s="24">
        <v>6</v>
      </c>
      <c r="G94" s="25">
        <v>19</v>
      </c>
      <c r="H94" s="26">
        <v>2429</v>
      </c>
      <c r="I94" s="24">
        <v>2692</v>
      </c>
      <c r="J94" s="25">
        <v>5121</v>
      </c>
    </row>
    <row r="95" spans="1:10" ht="18" customHeight="1" x14ac:dyDescent="0.15">
      <c r="A95" s="22">
        <v>73</v>
      </c>
      <c r="B95" s="23">
        <v>2441</v>
      </c>
      <c r="C95" s="24">
        <v>2686</v>
      </c>
      <c r="D95" s="25">
        <v>5127</v>
      </c>
      <c r="E95" s="26">
        <v>4</v>
      </c>
      <c r="F95" s="24">
        <v>19</v>
      </c>
      <c r="G95" s="25">
        <v>23</v>
      </c>
      <c r="H95" s="26">
        <v>2445</v>
      </c>
      <c r="I95" s="24">
        <v>2705</v>
      </c>
      <c r="J95" s="25">
        <v>5150</v>
      </c>
    </row>
    <row r="96" spans="1:10" ht="18" customHeight="1" x14ac:dyDescent="0.15">
      <c r="A96" s="22">
        <v>74</v>
      </c>
      <c r="B96" s="23">
        <v>2369</v>
      </c>
      <c r="C96" s="24">
        <v>2854</v>
      </c>
      <c r="D96" s="25">
        <v>5223</v>
      </c>
      <c r="E96" s="26">
        <v>9</v>
      </c>
      <c r="F96" s="24">
        <v>8</v>
      </c>
      <c r="G96" s="25">
        <v>17</v>
      </c>
      <c r="H96" s="26">
        <v>2378</v>
      </c>
      <c r="I96" s="24">
        <v>2862</v>
      </c>
      <c r="J96" s="25">
        <v>5240</v>
      </c>
    </row>
    <row r="97" spans="1:10" ht="18" customHeight="1" x14ac:dyDescent="0.15">
      <c r="A97" s="22" t="s">
        <v>25</v>
      </c>
      <c r="B97" s="23">
        <v>11801</v>
      </c>
      <c r="C97" s="24">
        <v>13313</v>
      </c>
      <c r="D97" s="25">
        <v>25114</v>
      </c>
      <c r="E97" s="26">
        <v>42</v>
      </c>
      <c r="F97" s="24">
        <v>58</v>
      </c>
      <c r="G97" s="25">
        <v>100</v>
      </c>
      <c r="H97" s="26">
        <v>11843</v>
      </c>
      <c r="I97" s="24">
        <v>13371</v>
      </c>
      <c r="J97" s="25">
        <v>25214</v>
      </c>
    </row>
    <row r="98" spans="1:10" ht="18" customHeight="1" x14ac:dyDescent="0.15">
      <c r="A98" s="22">
        <v>75</v>
      </c>
      <c r="B98" s="23">
        <v>2633</v>
      </c>
      <c r="C98" s="24">
        <v>3177</v>
      </c>
      <c r="D98" s="25">
        <v>5810</v>
      </c>
      <c r="E98" s="26">
        <v>4</v>
      </c>
      <c r="F98" s="24">
        <v>11</v>
      </c>
      <c r="G98" s="25">
        <v>15</v>
      </c>
      <c r="H98" s="26">
        <v>2637</v>
      </c>
      <c r="I98" s="24">
        <v>3188</v>
      </c>
      <c r="J98" s="25">
        <v>5825</v>
      </c>
    </row>
    <row r="99" spans="1:10" ht="18" customHeight="1" x14ac:dyDescent="0.15">
      <c r="A99" s="22">
        <v>76</v>
      </c>
      <c r="B99" s="23">
        <v>3044</v>
      </c>
      <c r="C99" s="24">
        <v>3583</v>
      </c>
      <c r="D99" s="25">
        <v>6627</v>
      </c>
      <c r="E99" s="26">
        <v>9</v>
      </c>
      <c r="F99" s="24">
        <v>10</v>
      </c>
      <c r="G99" s="25">
        <v>19</v>
      </c>
      <c r="H99" s="26">
        <v>3053</v>
      </c>
      <c r="I99" s="24">
        <v>3593</v>
      </c>
      <c r="J99" s="25">
        <v>6646</v>
      </c>
    </row>
    <row r="100" spans="1:10" ht="18" customHeight="1" x14ac:dyDescent="0.15">
      <c r="A100" s="22">
        <v>77</v>
      </c>
      <c r="B100" s="23">
        <v>2994</v>
      </c>
      <c r="C100" s="24">
        <v>3619</v>
      </c>
      <c r="D100" s="25">
        <v>6613</v>
      </c>
      <c r="E100" s="26">
        <v>13</v>
      </c>
      <c r="F100" s="24">
        <v>8</v>
      </c>
      <c r="G100" s="25">
        <v>21</v>
      </c>
      <c r="H100" s="26">
        <v>3007</v>
      </c>
      <c r="I100" s="24">
        <v>3627</v>
      </c>
      <c r="J100" s="25">
        <v>6634</v>
      </c>
    </row>
    <row r="101" spans="1:10" ht="18" customHeight="1" x14ac:dyDescent="0.15">
      <c r="A101" s="22">
        <v>78</v>
      </c>
      <c r="B101" s="23">
        <v>3056</v>
      </c>
      <c r="C101" s="24">
        <v>3915</v>
      </c>
      <c r="D101" s="25">
        <v>6971</v>
      </c>
      <c r="E101" s="26">
        <v>4</v>
      </c>
      <c r="F101" s="24">
        <v>9</v>
      </c>
      <c r="G101" s="25">
        <v>13</v>
      </c>
      <c r="H101" s="26">
        <v>3060</v>
      </c>
      <c r="I101" s="24">
        <v>3924</v>
      </c>
      <c r="J101" s="25">
        <v>6984</v>
      </c>
    </row>
    <row r="102" spans="1:10" ht="18" customHeight="1" x14ac:dyDescent="0.15">
      <c r="A102" s="22">
        <v>79</v>
      </c>
      <c r="B102" s="23">
        <v>1672</v>
      </c>
      <c r="C102" s="24">
        <v>2157</v>
      </c>
      <c r="D102" s="25">
        <v>3829</v>
      </c>
      <c r="E102" s="26">
        <v>2</v>
      </c>
      <c r="F102" s="24">
        <v>2</v>
      </c>
      <c r="G102" s="25">
        <v>4</v>
      </c>
      <c r="H102" s="26">
        <v>1674</v>
      </c>
      <c r="I102" s="24">
        <v>2159</v>
      </c>
      <c r="J102" s="25">
        <v>3833</v>
      </c>
    </row>
    <row r="103" spans="1:10" ht="18" customHeight="1" x14ac:dyDescent="0.15">
      <c r="A103" s="22" t="s">
        <v>26</v>
      </c>
      <c r="B103" s="23">
        <v>13399</v>
      </c>
      <c r="C103" s="24">
        <v>16451</v>
      </c>
      <c r="D103" s="25">
        <v>29850</v>
      </c>
      <c r="E103" s="26">
        <v>32</v>
      </c>
      <c r="F103" s="24">
        <v>40</v>
      </c>
      <c r="G103" s="25">
        <v>72</v>
      </c>
      <c r="H103" s="26">
        <v>13431</v>
      </c>
      <c r="I103" s="24">
        <v>16491</v>
      </c>
      <c r="J103" s="25">
        <v>29922</v>
      </c>
    </row>
    <row r="104" spans="1:10" ht="18" customHeight="1" x14ac:dyDescent="0.15">
      <c r="A104" s="22">
        <v>80</v>
      </c>
      <c r="B104" s="23">
        <v>1498</v>
      </c>
      <c r="C104" s="24">
        <v>2015</v>
      </c>
      <c r="D104" s="25">
        <v>3513</v>
      </c>
      <c r="E104" s="26">
        <v>8</v>
      </c>
      <c r="F104" s="24">
        <v>4</v>
      </c>
      <c r="G104" s="25">
        <v>12</v>
      </c>
      <c r="H104" s="26">
        <v>1506</v>
      </c>
      <c r="I104" s="24">
        <v>2019</v>
      </c>
      <c r="J104" s="25">
        <v>3525</v>
      </c>
    </row>
    <row r="105" spans="1:10" ht="18" customHeight="1" x14ac:dyDescent="0.15">
      <c r="A105" s="22">
        <v>81</v>
      </c>
      <c r="B105" s="23">
        <v>1953</v>
      </c>
      <c r="C105" s="24">
        <v>2783</v>
      </c>
      <c r="D105" s="25">
        <v>4736</v>
      </c>
      <c r="E105" s="26">
        <v>2</v>
      </c>
      <c r="F105" s="24">
        <v>8</v>
      </c>
      <c r="G105" s="25">
        <v>10</v>
      </c>
      <c r="H105" s="26">
        <v>1955</v>
      </c>
      <c r="I105" s="24">
        <v>2791</v>
      </c>
      <c r="J105" s="25">
        <v>4746</v>
      </c>
    </row>
    <row r="106" spans="1:10" ht="18" customHeight="1" x14ac:dyDescent="0.15">
      <c r="A106" s="22">
        <v>82</v>
      </c>
      <c r="B106" s="23">
        <v>1737</v>
      </c>
      <c r="C106" s="24">
        <v>2529</v>
      </c>
      <c r="D106" s="25">
        <v>4266</v>
      </c>
      <c r="E106" s="26">
        <v>3</v>
      </c>
      <c r="F106" s="24">
        <v>5</v>
      </c>
      <c r="G106" s="25">
        <v>8</v>
      </c>
      <c r="H106" s="26">
        <v>1740</v>
      </c>
      <c r="I106" s="24">
        <v>2534</v>
      </c>
      <c r="J106" s="25">
        <v>4274</v>
      </c>
    </row>
    <row r="107" spans="1:10" ht="18" customHeight="1" x14ac:dyDescent="0.15">
      <c r="A107" s="22">
        <v>83</v>
      </c>
      <c r="B107" s="23">
        <v>1737</v>
      </c>
      <c r="C107" s="24">
        <v>2557</v>
      </c>
      <c r="D107" s="25">
        <v>4294</v>
      </c>
      <c r="E107" s="26">
        <v>4</v>
      </c>
      <c r="F107" s="24">
        <v>4</v>
      </c>
      <c r="G107" s="25">
        <v>8</v>
      </c>
      <c r="H107" s="26">
        <v>1741</v>
      </c>
      <c r="I107" s="24">
        <v>2561</v>
      </c>
      <c r="J107" s="25">
        <v>4302</v>
      </c>
    </row>
    <row r="108" spans="1:10" ht="18" customHeight="1" x14ac:dyDescent="0.15">
      <c r="A108" s="22">
        <v>84</v>
      </c>
      <c r="B108" s="23">
        <v>1557</v>
      </c>
      <c r="C108" s="24">
        <v>2382</v>
      </c>
      <c r="D108" s="25">
        <v>3939</v>
      </c>
      <c r="E108" s="26">
        <v>3</v>
      </c>
      <c r="F108" s="24">
        <v>3</v>
      </c>
      <c r="G108" s="25">
        <v>6</v>
      </c>
      <c r="H108" s="26">
        <v>1560</v>
      </c>
      <c r="I108" s="24">
        <v>2385</v>
      </c>
      <c r="J108" s="25">
        <v>3945</v>
      </c>
    </row>
    <row r="109" spans="1:10" ht="18" customHeight="1" x14ac:dyDescent="0.15">
      <c r="A109" s="22" t="s">
        <v>27</v>
      </c>
      <c r="B109" s="23">
        <v>8482</v>
      </c>
      <c r="C109" s="24">
        <v>12266</v>
      </c>
      <c r="D109" s="25">
        <v>20748</v>
      </c>
      <c r="E109" s="26">
        <v>20</v>
      </c>
      <c r="F109" s="24">
        <v>24</v>
      </c>
      <c r="G109" s="25">
        <v>44</v>
      </c>
      <c r="H109" s="26">
        <v>8502</v>
      </c>
      <c r="I109" s="24">
        <v>12290</v>
      </c>
      <c r="J109" s="25">
        <v>20792</v>
      </c>
    </row>
    <row r="110" spans="1:10" ht="18" customHeight="1" x14ac:dyDescent="0.15">
      <c r="A110" s="22">
        <v>85</v>
      </c>
      <c r="B110" s="23">
        <v>1337</v>
      </c>
      <c r="C110" s="24">
        <v>2016</v>
      </c>
      <c r="D110" s="25">
        <v>3353</v>
      </c>
      <c r="E110" s="26">
        <v>2</v>
      </c>
      <c r="F110" s="24">
        <v>2</v>
      </c>
      <c r="G110" s="25">
        <v>4</v>
      </c>
      <c r="H110" s="26">
        <v>1339</v>
      </c>
      <c r="I110" s="24">
        <v>2018</v>
      </c>
      <c r="J110" s="25">
        <v>3357</v>
      </c>
    </row>
    <row r="111" spans="1:10" ht="18" customHeight="1" x14ac:dyDescent="0.15">
      <c r="A111" s="22">
        <v>86</v>
      </c>
      <c r="B111" s="23">
        <v>1018</v>
      </c>
      <c r="C111" s="24">
        <v>1653</v>
      </c>
      <c r="D111" s="25">
        <v>2671</v>
      </c>
      <c r="E111" s="26">
        <v>2</v>
      </c>
      <c r="F111" s="24">
        <v>7</v>
      </c>
      <c r="G111" s="25">
        <v>9</v>
      </c>
      <c r="H111" s="26">
        <v>1020</v>
      </c>
      <c r="I111" s="24">
        <v>1660</v>
      </c>
      <c r="J111" s="25">
        <v>2680</v>
      </c>
    </row>
    <row r="112" spans="1:10" ht="18" customHeight="1" x14ac:dyDescent="0.15">
      <c r="A112" s="22">
        <v>87</v>
      </c>
      <c r="B112" s="23">
        <v>855</v>
      </c>
      <c r="C112" s="24">
        <v>1531</v>
      </c>
      <c r="D112" s="25">
        <v>2386</v>
      </c>
      <c r="E112" s="26">
        <v>2</v>
      </c>
      <c r="F112" s="24">
        <v>0</v>
      </c>
      <c r="G112" s="25">
        <v>2</v>
      </c>
      <c r="H112" s="26">
        <v>857</v>
      </c>
      <c r="I112" s="24">
        <v>1531</v>
      </c>
      <c r="J112" s="25">
        <v>2388</v>
      </c>
    </row>
    <row r="113" spans="1:10" ht="18" customHeight="1" x14ac:dyDescent="0.15">
      <c r="A113" s="22">
        <v>88</v>
      </c>
      <c r="B113" s="23">
        <v>862</v>
      </c>
      <c r="C113" s="24">
        <v>1613</v>
      </c>
      <c r="D113" s="25">
        <v>2475</v>
      </c>
      <c r="E113" s="26">
        <v>1</v>
      </c>
      <c r="F113" s="24">
        <v>3</v>
      </c>
      <c r="G113" s="25">
        <v>4</v>
      </c>
      <c r="H113" s="26">
        <v>863</v>
      </c>
      <c r="I113" s="24">
        <v>1616</v>
      </c>
      <c r="J113" s="25">
        <v>2479</v>
      </c>
    </row>
    <row r="114" spans="1:10" ht="18" customHeight="1" x14ac:dyDescent="0.15">
      <c r="A114" s="22">
        <v>89</v>
      </c>
      <c r="B114" s="23">
        <v>774</v>
      </c>
      <c r="C114" s="24">
        <v>1599</v>
      </c>
      <c r="D114" s="25">
        <v>2373</v>
      </c>
      <c r="E114" s="26">
        <v>0</v>
      </c>
      <c r="F114" s="24">
        <v>2</v>
      </c>
      <c r="G114" s="25">
        <v>2</v>
      </c>
      <c r="H114" s="26">
        <v>774</v>
      </c>
      <c r="I114" s="24">
        <v>1601</v>
      </c>
      <c r="J114" s="25">
        <v>2375</v>
      </c>
    </row>
    <row r="115" spans="1:10" ht="18" customHeight="1" x14ac:dyDescent="0.15">
      <c r="A115" s="22" t="s">
        <v>28</v>
      </c>
      <c r="B115" s="23">
        <v>4846</v>
      </c>
      <c r="C115" s="24">
        <v>8412</v>
      </c>
      <c r="D115" s="25">
        <v>13258</v>
      </c>
      <c r="E115" s="26">
        <v>7</v>
      </c>
      <c r="F115" s="24">
        <v>14</v>
      </c>
      <c r="G115" s="25">
        <v>21</v>
      </c>
      <c r="H115" s="26">
        <v>4853</v>
      </c>
      <c r="I115" s="24">
        <v>8426</v>
      </c>
      <c r="J115" s="25">
        <v>13279</v>
      </c>
    </row>
    <row r="116" spans="1:10" ht="18" customHeight="1" x14ac:dyDescent="0.15">
      <c r="A116" s="22">
        <v>90</v>
      </c>
      <c r="B116" s="23">
        <v>599</v>
      </c>
      <c r="C116" s="24">
        <v>1315</v>
      </c>
      <c r="D116" s="25">
        <v>1914</v>
      </c>
      <c r="E116" s="26">
        <v>0</v>
      </c>
      <c r="F116" s="24">
        <v>3</v>
      </c>
      <c r="G116" s="25">
        <v>3</v>
      </c>
      <c r="H116" s="26">
        <v>599</v>
      </c>
      <c r="I116" s="24">
        <v>1318</v>
      </c>
      <c r="J116" s="25">
        <v>1917</v>
      </c>
    </row>
    <row r="117" spans="1:10" ht="18" customHeight="1" x14ac:dyDescent="0.15">
      <c r="A117" s="22">
        <v>91</v>
      </c>
      <c r="B117" s="23">
        <v>461</v>
      </c>
      <c r="C117" s="24">
        <v>1173</v>
      </c>
      <c r="D117" s="25">
        <v>1634</v>
      </c>
      <c r="E117" s="26">
        <v>2</v>
      </c>
      <c r="F117" s="24">
        <v>3</v>
      </c>
      <c r="G117" s="25">
        <v>5</v>
      </c>
      <c r="H117" s="26">
        <v>463</v>
      </c>
      <c r="I117" s="24">
        <v>1176</v>
      </c>
      <c r="J117" s="25">
        <v>1639</v>
      </c>
    </row>
    <row r="118" spans="1:10" ht="18" customHeight="1" x14ac:dyDescent="0.15">
      <c r="A118" s="22">
        <v>92</v>
      </c>
      <c r="B118" s="23">
        <v>375</v>
      </c>
      <c r="C118" s="24">
        <v>1156</v>
      </c>
      <c r="D118" s="25">
        <v>1531</v>
      </c>
      <c r="E118" s="26">
        <v>0</v>
      </c>
      <c r="F118" s="24">
        <v>3</v>
      </c>
      <c r="G118" s="25">
        <v>3</v>
      </c>
      <c r="H118" s="26">
        <v>375</v>
      </c>
      <c r="I118" s="24">
        <v>1159</v>
      </c>
      <c r="J118" s="25">
        <v>1534</v>
      </c>
    </row>
    <row r="119" spans="1:10" ht="18" customHeight="1" x14ac:dyDescent="0.15">
      <c r="A119" s="22">
        <v>93</v>
      </c>
      <c r="B119" s="23">
        <v>258</v>
      </c>
      <c r="C119" s="24">
        <v>1024</v>
      </c>
      <c r="D119" s="25">
        <v>1282</v>
      </c>
      <c r="E119" s="26">
        <v>0</v>
      </c>
      <c r="F119" s="24">
        <v>3</v>
      </c>
      <c r="G119" s="25">
        <v>3</v>
      </c>
      <c r="H119" s="26">
        <v>258</v>
      </c>
      <c r="I119" s="24">
        <v>1027</v>
      </c>
      <c r="J119" s="25">
        <v>1285</v>
      </c>
    </row>
    <row r="120" spans="1:10" ht="18" customHeight="1" x14ac:dyDescent="0.15">
      <c r="A120" s="22">
        <v>94</v>
      </c>
      <c r="B120" s="23">
        <v>220</v>
      </c>
      <c r="C120" s="24">
        <v>736</v>
      </c>
      <c r="D120" s="25">
        <v>956</v>
      </c>
      <c r="E120" s="26">
        <v>0</v>
      </c>
      <c r="F120" s="24">
        <v>3</v>
      </c>
      <c r="G120" s="25">
        <v>3</v>
      </c>
      <c r="H120" s="26">
        <v>220</v>
      </c>
      <c r="I120" s="24">
        <v>739</v>
      </c>
      <c r="J120" s="25">
        <v>959</v>
      </c>
    </row>
    <row r="121" spans="1:10" ht="18" customHeight="1" x14ac:dyDescent="0.15">
      <c r="A121" s="22" t="s">
        <v>29</v>
      </c>
      <c r="B121" s="23">
        <v>1913</v>
      </c>
      <c r="C121" s="24">
        <v>5404</v>
      </c>
      <c r="D121" s="25">
        <v>7317</v>
      </c>
      <c r="E121" s="26">
        <v>2</v>
      </c>
      <c r="F121" s="24">
        <v>15</v>
      </c>
      <c r="G121" s="25">
        <v>17</v>
      </c>
      <c r="H121" s="26">
        <v>1915</v>
      </c>
      <c r="I121" s="24">
        <v>5419</v>
      </c>
      <c r="J121" s="25">
        <v>7334</v>
      </c>
    </row>
    <row r="122" spans="1:10" ht="18" customHeight="1" x14ac:dyDescent="0.15">
      <c r="A122" s="22">
        <v>95</v>
      </c>
      <c r="B122" s="23">
        <v>143</v>
      </c>
      <c r="C122" s="24">
        <v>576</v>
      </c>
      <c r="D122" s="25">
        <v>719</v>
      </c>
      <c r="E122" s="26">
        <v>0</v>
      </c>
      <c r="F122" s="24">
        <v>0</v>
      </c>
      <c r="G122" s="25">
        <v>0</v>
      </c>
      <c r="H122" s="26">
        <v>143</v>
      </c>
      <c r="I122" s="24">
        <v>576</v>
      </c>
      <c r="J122" s="25">
        <v>719</v>
      </c>
    </row>
    <row r="123" spans="1:10" ht="18" customHeight="1" x14ac:dyDescent="0.15">
      <c r="A123" s="22">
        <v>96</v>
      </c>
      <c r="B123" s="23">
        <v>109</v>
      </c>
      <c r="C123" s="24">
        <v>452</v>
      </c>
      <c r="D123" s="25">
        <v>561</v>
      </c>
      <c r="E123" s="26">
        <v>0</v>
      </c>
      <c r="F123" s="24">
        <v>1</v>
      </c>
      <c r="G123" s="25">
        <v>1</v>
      </c>
      <c r="H123" s="26">
        <v>109</v>
      </c>
      <c r="I123" s="24">
        <v>453</v>
      </c>
      <c r="J123" s="25">
        <v>562</v>
      </c>
    </row>
    <row r="124" spans="1:10" ht="18" customHeight="1" x14ac:dyDescent="0.15">
      <c r="A124" s="22">
        <v>97</v>
      </c>
      <c r="B124" s="23">
        <v>83</v>
      </c>
      <c r="C124" s="24">
        <v>346</v>
      </c>
      <c r="D124" s="25">
        <v>429</v>
      </c>
      <c r="E124" s="26">
        <v>0</v>
      </c>
      <c r="F124" s="24">
        <v>0</v>
      </c>
      <c r="G124" s="25">
        <v>0</v>
      </c>
      <c r="H124" s="26">
        <v>83</v>
      </c>
      <c r="I124" s="24">
        <v>346</v>
      </c>
      <c r="J124" s="25">
        <v>429</v>
      </c>
    </row>
    <row r="125" spans="1:10" ht="18" customHeight="1" x14ac:dyDescent="0.15">
      <c r="A125" s="22">
        <v>98</v>
      </c>
      <c r="B125" s="23">
        <v>49</v>
      </c>
      <c r="C125" s="24">
        <v>257</v>
      </c>
      <c r="D125" s="25">
        <v>306</v>
      </c>
      <c r="E125" s="26">
        <v>0</v>
      </c>
      <c r="F125" s="24">
        <v>1</v>
      </c>
      <c r="G125" s="25">
        <v>1</v>
      </c>
      <c r="H125" s="26">
        <v>49</v>
      </c>
      <c r="I125" s="24">
        <v>258</v>
      </c>
      <c r="J125" s="25">
        <v>307</v>
      </c>
    </row>
    <row r="126" spans="1:10" ht="18" customHeight="1" x14ac:dyDescent="0.15">
      <c r="A126" s="22">
        <v>99</v>
      </c>
      <c r="B126" s="23">
        <v>32</v>
      </c>
      <c r="C126" s="24">
        <v>178</v>
      </c>
      <c r="D126" s="25">
        <v>210</v>
      </c>
      <c r="E126" s="26">
        <v>1</v>
      </c>
      <c r="F126" s="24">
        <v>0</v>
      </c>
      <c r="G126" s="25">
        <v>1</v>
      </c>
      <c r="H126" s="26">
        <v>33</v>
      </c>
      <c r="I126" s="24">
        <v>178</v>
      </c>
      <c r="J126" s="25">
        <v>211</v>
      </c>
    </row>
    <row r="127" spans="1:10" ht="18" customHeight="1" x14ac:dyDescent="0.15">
      <c r="A127" s="22" t="s">
        <v>30</v>
      </c>
      <c r="B127" s="23">
        <v>416</v>
      </c>
      <c r="C127" s="24">
        <v>1809</v>
      </c>
      <c r="D127" s="25">
        <v>2225</v>
      </c>
      <c r="E127" s="26">
        <v>1</v>
      </c>
      <c r="F127" s="24">
        <v>2</v>
      </c>
      <c r="G127" s="25">
        <v>3</v>
      </c>
      <c r="H127" s="26">
        <v>417</v>
      </c>
      <c r="I127" s="24">
        <v>1811</v>
      </c>
      <c r="J127" s="25">
        <v>2228</v>
      </c>
    </row>
    <row r="128" spans="1:10" ht="18" customHeight="1" x14ac:dyDescent="0.15">
      <c r="A128" s="22">
        <v>100</v>
      </c>
      <c r="B128" s="23">
        <v>13</v>
      </c>
      <c r="C128" s="24">
        <v>156</v>
      </c>
      <c r="D128" s="25">
        <v>169</v>
      </c>
      <c r="E128" s="26">
        <v>0</v>
      </c>
      <c r="F128" s="24">
        <v>0</v>
      </c>
      <c r="G128" s="25">
        <v>0</v>
      </c>
      <c r="H128" s="26">
        <v>13</v>
      </c>
      <c r="I128" s="24">
        <v>156</v>
      </c>
      <c r="J128" s="25">
        <v>169</v>
      </c>
    </row>
    <row r="129" spans="1:10" ht="18" customHeight="1" x14ac:dyDescent="0.15">
      <c r="A129" s="27" t="s">
        <v>31</v>
      </c>
      <c r="B129" s="23">
        <v>16</v>
      </c>
      <c r="C129" s="24">
        <v>197</v>
      </c>
      <c r="D129" s="25">
        <v>213</v>
      </c>
      <c r="E129" s="26">
        <v>0</v>
      </c>
      <c r="F129" s="24">
        <v>0</v>
      </c>
      <c r="G129" s="25">
        <v>0</v>
      </c>
      <c r="H129" s="26">
        <v>16</v>
      </c>
      <c r="I129" s="24">
        <v>197</v>
      </c>
      <c r="J129" s="25">
        <v>213</v>
      </c>
    </row>
    <row r="130" spans="1:10" ht="18" customHeight="1" x14ac:dyDescent="0.15">
      <c r="A130" s="22" t="s">
        <v>32</v>
      </c>
      <c r="B130" s="23">
        <v>29</v>
      </c>
      <c r="C130" s="24">
        <v>353</v>
      </c>
      <c r="D130" s="25">
        <v>382</v>
      </c>
      <c r="E130" s="26">
        <v>0</v>
      </c>
      <c r="F130" s="24">
        <v>0</v>
      </c>
      <c r="G130" s="25">
        <v>0</v>
      </c>
      <c r="H130" s="26">
        <v>29</v>
      </c>
      <c r="I130" s="24">
        <v>353</v>
      </c>
      <c r="J130" s="25">
        <v>382</v>
      </c>
    </row>
    <row r="131" spans="1:10" ht="18" customHeight="1" x14ac:dyDescent="0.15">
      <c r="A131" s="22" t="s">
        <v>33</v>
      </c>
      <c r="B131" s="23">
        <v>51849</v>
      </c>
      <c r="C131" s="24">
        <v>69660</v>
      </c>
      <c r="D131" s="25">
        <v>121509</v>
      </c>
      <c r="E131" s="26">
        <v>152</v>
      </c>
      <c r="F131" s="24">
        <v>240</v>
      </c>
      <c r="G131" s="25">
        <v>392</v>
      </c>
      <c r="H131" s="26">
        <v>52001</v>
      </c>
      <c r="I131" s="24">
        <v>69900</v>
      </c>
      <c r="J131" s="25">
        <v>121901</v>
      </c>
    </row>
    <row r="132" spans="1:10" ht="18" customHeight="1" x14ac:dyDescent="0.15">
      <c r="A132" s="28" t="s">
        <v>34</v>
      </c>
      <c r="B132" s="29">
        <v>190953</v>
      </c>
      <c r="C132" s="30">
        <v>200395</v>
      </c>
      <c r="D132" s="31">
        <v>391348</v>
      </c>
      <c r="E132" s="32">
        <v>5336</v>
      </c>
      <c r="F132" s="30">
        <v>4940</v>
      </c>
      <c r="G132" s="31">
        <v>10276</v>
      </c>
      <c r="H132" s="32">
        <v>196289</v>
      </c>
      <c r="I132" s="30">
        <v>205335</v>
      </c>
      <c r="J132" s="31">
        <v>401624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2-03T09:23:18Z</dcterms:created>
  <dcterms:modified xsi:type="dcterms:W3CDTF">2025-12-03T09:23:20Z</dcterms:modified>
</cp:coreProperties>
</file>